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49_HP過去データの整理\年齢別\（R3）\"/>
    </mc:Choice>
  </mc:AlternateContent>
  <bookViews>
    <workbookView xWindow="0" yWindow="0" windowWidth="28800" windowHeight="13740" tabRatio="945"/>
  </bookViews>
  <sheets>
    <sheet name="神奈川県" sheetId="1" r:id="rId1"/>
    <sheet name="横浜市" sheetId="6" r:id="rId2"/>
    <sheet name="鶴見区" sheetId="7" r:id="rId3"/>
    <sheet name="神奈川区" sheetId="8" r:id="rId4"/>
    <sheet name="西区" sheetId="9" r:id="rId5"/>
    <sheet name="中区" sheetId="10" r:id="rId6"/>
    <sheet name="南区" sheetId="11" r:id="rId7"/>
    <sheet name="保土ケ谷区" sheetId="12" r:id="rId8"/>
    <sheet name="磯子区" sheetId="13" r:id="rId9"/>
    <sheet name="金沢区" sheetId="14" r:id="rId10"/>
    <sheet name="港北区" sheetId="15" r:id="rId11"/>
    <sheet name="戸塚区" sheetId="16" r:id="rId12"/>
    <sheet name="港南区" sheetId="17" r:id="rId13"/>
    <sheet name="旭区" sheetId="18" r:id="rId14"/>
    <sheet name="緑区" sheetId="19" r:id="rId15"/>
    <sheet name="瀬谷区" sheetId="20" r:id="rId16"/>
    <sheet name="栄区" sheetId="21" r:id="rId17"/>
    <sheet name="泉区" sheetId="22" r:id="rId18"/>
    <sheet name="青葉区" sheetId="23" r:id="rId19"/>
    <sheet name="都筑区" sheetId="24" r:id="rId20"/>
    <sheet name="川崎市" sheetId="25" r:id="rId21"/>
    <sheet name="川崎区" sheetId="26" r:id="rId22"/>
    <sheet name="幸区" sheetId="27" r:id="rId23"/>
    <sheet name="中原区" sheetId="28" r:id="rId24"/>
    <sheet name="高津区" sheetId="29" r:id="rId25"/>
    <sheet name="多摩区" sheetId="30" r:id="rId26"/>
    <sheet name="宮前区" sheetId="31" r:id="rId27"/>
    <sheet name="麻生区" sheetId="32" r:id="rId28"/>
    <sheet name="横須賀三浦" sheetId="2" r:id="rId29"/>
    <sheet name="横須賀市" sheetId="37" r:id="rId30"/>
    <sheet name="鎌倉市" sheetId="39" r:id="rId31"/>
    <sheet name="逗子市" sheetId="43" r:id="rId32"/>
    <sheet name="三浦市" sheetId="44" r:id="rId33"/>
    <sheet name="葉山町" sheetId="53" r:id="rId34"/>
    <sheet name="県央" sheetId="3" r:id="rId35"/>
    <sheet name="相模原市" sheetId="33" r:id="rId36"/>
    <sheet name="緑区(相)" sheetId="34" r:id="rId37"/>
    <sheet name="中央区" sheetId="35" r:id="rId38"/>
    <sheet name="南区(相)" sheetId="36" r:id="rId39"/>
    <sheet name="厚木市" sheetId="46" r:id="rId40"/>
    <sheet name="大和市" sheetId="47" r:id="rId41"/>
    <sheet name="海老名市" sheetId="49" r:id="rId42"/>
    <sheet name="座間市" sheetId="50" r:id="rId43"/>
    <sheet name="綾瀬市" sheetId="52" r:id="rId44"/>
    <sheet name="愛川町" sheetId="65" r:id="rId45"/>
    <sheet name="清川村" sheetId="66" r:id="rId46"/>
    <sheet name="湘南" sheetId="4" r:id="rId47"/>
    <sheet name="平塚市" sheetId="38" r:id="rId48"/>
    <sheet name="藤沢市" sheetId="40" r:id="rId49"/>
    <sheet name="茅ヶ崎市" sheetId="42" r:id="rId50"/>
    <sheet name="秦野市" sheetId="45" r:id="rId51"/>
    <sheet name="伊勢原市" sheetId="48" r:id="rId52"/>
    <sheet name="寒川町" sheetId="54" r:id="rId53"/>
    <sheet name="大磯町" sheetId="55" r:id="rId54"/>
    <sheet name="二宮町" sheetId="56" r:id="rId55"/>
    <sheet name="県西" sheetId="5" r:id="rId56"/>
    <sheet name="小田原市" sheetId="41" r:id="rId57"/>
    <sheet name="南足柄市" sheetId="51" r:id="rId58"/>
    <sheet name="中井町" sheetId="57" r:id="rId59"/>
    <sheet name="大井町" sheetId="58" r:id="rId60"/>
    <sheet name="松田町" sheetId="59" r:id="rId61"/>
    <sheet name="山北町" sheetId="60" r:id="rId62"/>
    <sheet name="開成町" sheetId="61" r:id="rId63"/>
    <sheet name="箱根町" sheetId="62" r:id="rId64"/>
    <sheet name="真鶴町" sheetId="63" r:id="rId65"/>
    <sheet name="湯河原町" sheetId="64" r:id="rId66"/>
  </sheets>
  <definedNames>
    <definedName name="_xlnm._FilterDatabase" localSheetId="0" hidden="1">神奈川県!$A$1:$A$79</definedName>
    <definedName name="_xlnm.Print_Area" localSheetId="44">愛川町!$A$1:$K$66</definedName>
    <definedName name="_xlnm.Print_Area" localSheetId="13">旭区!$A$1:$K$66</definedName>
    <definedName name="_xlnm.Print_Area" localSheetId="43">綾瀬市!$A$1:$K$66</definedName>
    <definedName name="_xlnm.Print_Area" localSheetId="51">伊勢原市!$A$1:$K$66</definedName>
    <definedName name="_xlnm.Print_Area" localSheetId="8">磯子区!$A$1:$K$66</definedName>
    <definedName name="_xlnm.Print_Area" localSheetId="16">栄区!$A$1:$K$66</definedName>
    <definedName name="_xlnm.Print_Area" localSheetId="28">横須賀三浦!$A$1:$K$66</definedName>
    <definedName name="_xlnm.Print_Area" localSheetId="29">横須賀市!$A$1:$K$66</definedName>
    <definedName name="_xlnm.Print_Area" localSheetId="1">横浜市!$A$1:$K$66</definedName>
    <definedName name="_xlnm.Print_Area" localSheetId="41">海老名市!$A$1:$K$66</definedName>
    <definedName name="_xlnm.Print_Area" localSheetId="62">開成町!$A$1:$K$66</definedName>
    <definedName name="_xlnm.Print_Area" localSheetId="30">鎌倉市!$A$1:$K$66</definedName>
    <definedName name="_xlnm.Print_Area" localSheetId="49">茅ヶ崎市!$A$1:$K$66</definedName>
    <definedName name="_xlnm.Print_Area" localSheetId="52">寒川町!$A$1:$K$66</definedName>
    <definedName name="_xlnm.Print_Area" localSheetId="26">宮前区!$A$1:$K$66</definedName>
    <definedName name="_xlnm.Print_Area" localSheetId="9">金沢区!$A$1:$K$66</definedName>
    <definedName name="_xlnm.Print_Area" localSheetId="34">県央!$A$1:$K$66</definedName>
    <definedName name="_xlnm.Print_Area" localSheetId="55">県西!$A$1:$K$66</definedName>
    <definedName name="_xlnm.Print_Area" localSheetId="11">戸塚区!$A$1:$K$66</definedName>
    <definedName name="_xlnm.Print_Area" localSheetId="39">厚木市!$A$1:$K$66</definedName>
    <definedName name="_xlnm.Print_Area" localSheetId="22">幸区!$A$1:$K$66</definedName>
    <definedName name="_xlnm.Print_Area" localSheetId="12">港南区!$A$1:$K$66</definedName>
    <definedName name="_xlnm.Print_Area" localSheetId="10">港北区!$A$1:$K$66</definedName>
    <definedName name="_xlnm.Print_Area" localSheetId="24">高津区!$A$1:$K$66</definedName>
    <definedName name="_xlnm.Print_Area" localSheetId="42">座間市!$A$1:$K$66</definedName>
    <definedName name="_xlnm.Print_Area" localSheetId="32">三浦市!$A$1:$K$66</definedName>
    <definedName name="_xlnm.Print_Area" localSheetId="61">山北町!$A$1:$K$66</definedName>
    <definedName name="_xlnm.Print_Area" localSheetId="56">小田原市!$A$1:$K$66</definedName>
    <definedName name="_xlnm.Print_Area" localSheetId="60">松田町!$A$1:$K$66</definedName>
    <definedName name="_xlnm.Print_Area" localSheetId="46">湘南!$A$1:$K$66</definedName>
    <definedName name="_xlnm.Print_Area" localSheetId="64">真鶴町!$A$1:$K$66</definedName>
    <definedName name="_xlnm.Print_Area" localSheetId="3">神奈川区!$A$1:$K$66</definedName>
    <definedName name="_xlnm.Print_Area" localSheetId="0">神奈川県!$A$1:$K$66</definedName>
    <definedName name="_xlnm.Print_Area" localSheetId="50">秦野市!$A$1:$K$66</definedName>
    <definedName name="_xlnm.Print_Area" localSheetId="31">逗子市!$A$1:$K$66</definedName>
    <definedName name="_xlnm.Print_Area" localSheetId="15">瀬谷区!$A$1:$K$66</definedName>
    <definedName name="_xlnm.Print_Area" localSheetId="45">清川村!$A$1:$K$66</definedName>
    <definedName name="_xlnm.Print_Area" localSheetId="4">西区!$A$1:$K$66</definedName>
    <definedName name="_xlnm.Print_Area" localSheetId="18">青葉区!$A$1:$K$66</definedName>
    <definedName name="_xlnm.Print_Area" localSheetId="21">川崎区!$A$1:$K$66</definedName>
    <definedName name="_xlnm.Print_Area" localSheetId="20">川崎市!$A$1:$K$66</definedName>
    <definedName name="_xlnm.Print_Area" localSheetId="17">泉区!$A$1:$K$66</definedName>
    <definedName name="_xlnm.Print_Area" localSheetId="35">相模原市!$A$1:$K$66</definedName>
    <definedName name="_xlnm.Print_Area" localSheetId="25">多摩区!$A$1:$K$66</definedName>
    <definedName name="_xlnm.Print_Area" localSheetId="59">大井町!$A$1:$K$66</definedName>
    <definedName name="_xlnm.Print_Area" localSheetId="53">大磯町!$A$1:$K$66</definedName>
    <definedName name="_xlnm.Print_Area" localSheetId="40">大和市!$A$1:$K$66</definedName>
    <definedName name="_xlnm.Print_Area" localSheetId="58">中井町!$A$1:$K$66</definedName>
    <definedName name="_xlnm.Print_Area" localSheetId="37">中央区!$A$1:$K$66</definedName>
    <definedName name="_xlnm.Print_Area" localSheetId="5">中区!$A$1:$K$66</definedName>
    <definedName name="_xlnm.Print_Area" localSheetId="23">中原区!$A$1:$K$66</definedName>
    <definedName name="_xlnm.Print_Area" localSheetId="2">鶴見区!$A$1:$K$66</definedName>
    <definedName name="_xlnm.Print_Area" localSheetId="19">都筑区!$A$1:$K$66</definedName>
    <definedName name="_xlnm.Print_Area" localSheetId="65">湯河原町!$A$1:$K$66</definedName>
    <definedName name="_xlnm.Print_Area" localSheetId="48">藤沢市!$A$1:$K$66</definedName>
    <definedName name="_xlnm.Print_Area" localSheetId="6">南区!$A$1:$K$66</definedName>
    <definedName name="_xlnm.Print_Area" localSheetId="38">'南区(相)'!$A$1:$K$66</definedName>
    <definedName name="_xlnm.Print_Area" localSheetId="57">南足柄市!$A$1:$K$66</definedName>
    <definedName name="_xlnm.Print_Area" localSheetId="54">二宮町!$A$1:$K$66</definedName>
    <definedName name="_xlnm.Print_Area" localSheetId="63">箱根町!$A$1:$K$66</definedName>
    <definedName name="_xlnm.Print_Area" localSheetId="47">平塚市!$A$1:$K$66</definedName>
    <definedName name="_xlnm.Print_Area" localSheetId="7">保土ケ谷区!$A$1:$K$66</definedName>
    <definedName name="_xlnm.Print_Area" localSheetId="27">麻生区!$A$1:$K$66</definedName>
    <definedName name="_xlnm.Print_Area" localSheetId="33">葉山町!$A$1:$K$66</definedName>
    <definedName name="_xlnm.Print_Area" localSheetId="14">緑区!$A$1:$K$66</definedName>
    <definedName name="_xlnm.Print_Area" localSheetId="36">'緑区(相)'!$A$1:$K$6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844" uniqueCount="194">
  <si>
    <t>第１表　年齢(各歳・５歳階級)別、男女別人口</t>
  </si>
  <si>
    <t>神奈川県</t>
  </si>
  <si>
    <t>(単位：人）令和3年1月1日現在</t>
    <rPh sb="1" eb="3">
      <t>タンイ</t>
    </rPh>
    <rPh sb="4" eb="5">
      <t>ニン</t>
    </rPh>
    <rPh sb="6" eb="8">
      <t>レイワ</t>
    </rPh>
    <phoneticPr fontId="6"/>
  </si>
  <si>
    <t>年　齢</t>
  </si>
  <si>
    <t>総　数</t>
  </si>
  <si>
    <t>男</t>
  </si>
  <si>
    <t>女</t>
  </si>
  <si>
    <t>0～4</t>
  </si>
  <si>
    <t>50～54</t>
  </si>
  <si>
    <t>0</t>
  </si>
  <si>
    <t>50</t>
  </si>
  <si>
    <t>1</t>
  </si>
  <si>
    <t>51</t>
  </si>
  <si>
    <t>2</t>
  </si>
  <si>
    <t>52</t>
  </si>
  <si>
    <t>3</t>
  </si>
  <si>
    <t>53</t>
  </si>
  <si>
    <t>4</t>
  </si>
  <si>
    <t>54</t>
  </si>
  <si>
    <t>5～9</t>
  </si>
  <si>
    <t>55～59</t>
  </si>
  <si>
    <t>5</t>
  </si>
  <si>
    <t>55</t>
  </si>
  <si>
    <t>6</t>
  </si>
  <si>
    <t>56</t>
  </si>
  <si>
    <t>7</t>
  </si>
  <si>
    <t>57</t>
  </si>
  <si>
    <t>8</t>
  </si>
  <si>
    <t>58</t>
  </si>
  <si>
    <t>9</t>
  </si>
  <si>
    <t>59</t>
  </si>
  <si>
    <t>10～14</t>
  </si>
  <si>
    <t>60～64</t>
  </si>
  <si>
    <t>10</t>
  </si>
  <si>
    <t>60</t>
  </si>
  <si>
    <t>11</t>
  </si>
  <si>
    <t>61</t>
  </si>
  <si>
    <t>12</t>
  </si>
  <si>
    <t>62</t>
  </si>
  <si>
    <t>13</t>
  </si>
  <si>
    <t>63</t>
  </si>
  <si>
    <t>14</t>
  </si>
  <si>
    <t>64</t>
  </si>
  <si>
    <t>15～19</t>
  </si>
  <si>
    <t>65～69</t>
  </si>
  <si>
    <t>15</t>
  </si>
  <si>
    <t>65</t>
  </si>
  <si>
    <t>16</t>
  </si>
  <si>
    <t>66</t>
  </si>
  <si>
    <t>17</t>
  </si>
  <si>
    <t>67</t>
  </si>
  <si>
    <t>18</t>
  </si>
  <si>
    <t>68</t>
  </si>
  <si>
    <t>19</t>
  </si>
  <si>
    <t>69</t>
  </si>
  <si>
    <t>20～24</t>
  </si>
  <si>
    <t>70～74</t>
  </si>
  <si>
    <t>20</t>
  </si>
  <si>
    <t>70</t>
  </si>
  <si>
    <t>21</t>
  </si>
  <si>
    <t>71</t>
  </si>
  <si>
    <t>22</t>
  </si>
  <si>
    <t>72</t>
  </si>
  <si>
    <t>23</t>
  </si>
  <si>
    <t>73</t>
  </si>
  <si>
    <t>24</t>
  </si>
  <si>
    <t>74</t>
  </si>
  <si>
    <t>25～29</t>
  </si>
  <si>
    <t>75～79</t>
  </si>
  <si>
    <t>25</t>
  </si>
  <si>
    <t>75</t>
  </si>
  <si>
    <t>26</t>
  </si>
  <si>
    <t>76</t>
  </si>
  <si>
    <t>27</t>
  </si>
  <si>
    <t>77</t>
  </si>
  <si>
    <t>28</t>
  </si>
  <si>
    <t>78</t>
  </si>
  <si>
    <t>29</t>
  </si>
  <si>
    <t>79</t>
  </si>
  <si>
    <t>30～34</t>
  </si>
  <si>
    <t>80～84</t>
  </si>
  <si>
    <t>30</t>
  </si>
  <si>
    <t>80</t>
  </si>
  <si>
    <t>31</t>
  </si>
  <si>
    <t>81</t>
  </si>
  <si>
    <t>32</t>
  </si>
  <si>
    <t>82</t>
  </si>
  <si>
    <t>33</t>
  </si>
  <si>
    <t>83</t>
  </si>
  <si>
    <t>34</t>
  </si>
  <si>
    <t>84</t>
  </si>
  <si>
    <t>35～39</t>
  </si>
  <si>
    <t>85～89</t>
  </si>
  <si>
    <t>35</t>
  </si>
  <si>
    <t>85</t>
  </si>
  <si>
    <t>36</t>
  </si>
  <si>
    <t>86</t>
  </si>
  <si>
    <t>37</t>
  </si>
  <si>
    <t>87</t>
  </si>
  <si>
    <t>38</t>
  </si>
  <si>
    <t>88</t>
  </si>
  <si>
    <t>39</t>
  </si>
  <si>
    <t>89</t>
  </si>
  <si>
    <t>40～44</t>
  </si>
  <si>
    <t>90～94</t>
  </si>
  <si>
    <t>40</t>
  </si>
  <si>
    <t>90</t>
  </si>
  <si>
    <t>41</t>
  </si>
  <si>
    <t>91</t>
  </si>
  <si>
    <t>42</t>
  </si>
  <si>
    <t>92</t>
  </si>
  <si>
    <t>43</t>
  </si>
  <si>
    <t>93</t>
  </si>
  <si>
    <t>44</t>
  </si>
  <si>
    <t>94</t>
  </si>
  <si>
    <t>45～49</t>
  </si>
  <si>
    <t>95～99</t>
  </si>
  <si>
    <t>45</t>
  </si>
  <si>
    <t>95</t>
  </si>
  <si>
    <t>46</t>
  </si>
  <si>
    <t>96</t>
  </si>
  <si>
    <t>47</t>
  </si>
  <si>
    <t>97</t>
  </si>
  <si>
    <t>48</t>
  </si>
  <si>
    <t>98</t>
  </si>
  <si>
    <t>49</t>
  </si>
  <si>
    <t>99</t>
  </si>
  <si>
    <t>100以上</t>
  </si>
  <si>
    <t>年齢不詳</t>
  </si>
  <si>
    <t>横須賀三浦地域</t>
    <rPh sb="5" eb="7">
      <t>チイキ</t>
    </rPh>
    <phoneticPr fontId="6"/>
  </si>
  <si>
    <t>県央地域</t>
    <rPh sb="2" eb="4">
      <t>チイキ</t>
    </rPh>
    <phoneticPr fontId="6"/>
  </si>
  <si>
    <t>湘南地域</t>
    <rPh sb="2" eb="4">
      <t>チイキ</t>
    </rPh>
    <phoneticPr fontId="6"/>
  </si>
  <si>
    <t>県西地域</t>
    <rPh sb="0" eb="1">
      <t>ケン</t>
    </rPh>
    <rPh sb="2" eb="4">
      <t>チイキ</t>
    </rPh>
    <phoneticPr fontId="6"/>
  </si>
  <si>
    <t>横 浜 市</t>
  </si>
  <si>
    <t>横浜市　鶴見区</t>
    <rPh sb="0" eb="3">
      <t>ヨコハマシ</t>
    </rPh>
    <phoneticPr fontId="6"/>
  </si>
  <si>
    <t>横浜市　神奈川区</t>
    <phoneticPr fontId="6"/>
  </si>
  <si>
    <t>横浜市　西区</t>
    <phoneticPr fontId="6"/>
  </si>
  <si>
    <t>横浜市　中区</t>
    <phoneticPr fontId="6"/>
  </si>
  <si>
    <t>横浜市　南区</t>
    <phoneticPr fontId="6"/>
  </si>
  <si>
    <t>横浜市　保土ケ谷区</t>
    <rPh sb="4" eb="8">
      <t>ホドガヤ</t>
    </rPh>
    <rPh sb="8" eb="9">
      <t>ク</t>
    </rPh>
    <phoneticPr fontId="6"/>
  </si>
  <si>
    <t>横浜市　磯子区</t>
    <phoneticPr fontId="6"/>
  </si>
  <si>
    <t>横浜市　金沢区</t>
    <phoneticPr fontId="6"/>
  </si>
  <si>
    <t>横浜市　港北区</t>
    <phoneticPr fontId="6"/>
  </si>
  <si>
    <t>横浜市　戸塚区</t>
    <phoneticPr fontId="6"/>
  </si>
  <si>
    <t>横浜市　港南区</t>
    <phoneticPr fontId="6"/>
  </si>
  <si>
    <t>横浜市　旭区</t>
    <phoneticPr fontId="6"/>
  </si>
  <si>
    <t>横浜市　緑区</t>
    <phoneticPr fontId="6"/>
  </si>
  <si>
    <t>横浜市　瀬谷区</t>
    <phoneticPr fontId="6"/>
  </si>
  <si>
    <t>横浜市　栄区</t>
    <phoneticPr fontId="6"/>
  </si>
  <si>
    <t>横浜市　泉区</t>
    <phoneticPr fontId="6"/>
  </si>
  <si>
    <t>横浜市　青葉区</t>
    <phoneticPr fontId="6"/>
  </si>
  <si>
    <t>横浜市　都筑区</t>
    <phoneticPr fontId="6"/>
  </si>
  <si>
    <t>川 崎 市</t>
  </si>
  <si>
    <t>川崎市　川崎区</t>
    <rPh sb="0" eb="3">
      <t>カワサキシ</t>
    </rPh>
    <phoneticPr fontId="6"/>
  </si>
  <si>
    <t>川崎市　幸区</t>
    <phoneticPr fontId="6"/>
  </si>
  <si>
    <t>川崎市　中原区</t>
    <phoneticPr fontId="6"/>
  </si>
  <si>
    <t>川崎市　高津区</t>
    <phoneticPr fontId="6"/>
  </si>
  <si>
    <t>川崎市　多摩区</t>
    <phoneticPr fontId="6"/>
  </si>
  <si>
    <t>川崎市　宮前区</t>
    <phoneticPr fontId="6"/>
  </si>
  <si>
    <t>川崎市　麻生区</t>
    <phoneticPr fontId="6"/>
  </si>
  <si>
    <t>相模原市</t>
    <rPh sb="0" eb="1">
      <t>ソウ</t>
    </rPh>
    <rPh sb="1" eb="2">
      <t>ボ</t>
    </rPh>
    <rPh sb="2" eb="3">
      <t>ハラ</t>
    </rPh>
    <rPh sb="3" eb="4">
      <t>シ</t>
    </rPh>
    <phoneticPr fontId="6"/>
  </si>
  <si>
    <t>相模原市　緑区</t>
    <rPh sb="0" eb="4">
      <t>サガミハラシ</t>
    </rPh>
    <rPh sb="5" eb="7">
      <t>ミドリク</t>
    </rPh>
    <phoneticPr fontId="6"/>
  </si>
  <si>
    <t>相模原市　中央区</t>
    <rPh sb="5" eb="8">
      <t>チュウオウク</t>
    </rPh>
    <phoneticPr fontId="6"/>
  </si>
  <si>
    <t>相模原市　南区</t>
    <phoneticPr fontId="6"/>
  </si>
  <si>
    <t>横須賀市</t>
  </si>
  <si>
    <t>平 塚 市</t>
  </si>
  <si>
    <t>鎌 倉 市</t>
  </si>
  <si>
    <t>藤 沢 市</t>
  </si>
  <si>
    <t>小田原市</t>
  </si>
  <si>
    <t>茅ヶ崎市</t>
  </si>
  <si>
    <t>逗 子 市</t>
  </si>
  <si>
    <t>三 浦 市</t>
  </si>
  <si>
    <t>秦 野 市</t>
  </si>
  <si>
    <t>厚 木 市</t>
  </si>
  <si>
    <t>大 和 市</t>
  </si>
  <si>
    <t>伊勢原市</t>
  </si>
  <si>
    <t>海老名市</t>
  </si>
  <si>
    <t>座 間 市</t>
  </si>
  <si>
    <t>南足柄市</t>
  </si>
  <si>
    <t>綾 瀬 市</t>
  </si>
  <si>
    <t>葉 山 町</t>
  </si>
  <si>
    <t>寒 川 町</t>
  </si>
  <si>
    <t>大 磯 町</t>
  </si>
  <si>
    <t>二 宮 町</t>
  </si>
  <si>
    <t>中 井 町</t>
  </si>
  <si>
    <t>大 井 町</t>
    <phoneticPr fontId="6"/>
  </si>
  <si>
    <t>松 田 町</t>
  </si>
  <si>
    <t>山 北 町</t>
  </si>
  <si>
    <t>開 成 町</t>
  </si>
  <si>
    <t>箱 根 町</t>
  </si>
  <si>
    <t>真 鶴 町</t>
  </si>
  <si>
    <t>湯河原町</t>
  </si>
  <si>
    <t>愛 川 町</t>
  </si>
  <si>
    <t>清 川 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>
    <font>
      <sz val="11"/>
      <name val="明朝"/>
      <family val="1"/>
      <charset val="128"/>
    </font>
    <font>
      <sz val="11"/>
      <name val="明朝"/>
      <family val="1"/>
      <charset val="128"/>
    </font>
    <font>
      <sz val="18"/>
      <name val="明朝"/>
      <family val="1"/>
      <charset val="128"/>
    </font>
    <font>
      <sz val="6"/>
      <name val="明朝"/>
      <family val="1"/>
      <charset val="128"/>
    </font>
    <font>
      <sz val="14"/>
      <name val="明朝"/>
      <family val="1"/>
      <charset val="128"/>
    </font>
    <font>
      <sz val="12"/>
      <name val="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double">
        <color indexed="64"/>
      </left>
      <right/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6">
    <xf numFmtId="0" fontId="0" fillId="0" borderId="0" xfId="0"/>
    <xf numFmtId="0" fontId="2" fillId="0" borderId="0" xfId="0" applyFont="1" applyFill="1" applyAlignment="1">
      <alignment horizontal="centerContinuous"/>
    </xf>
    <xf numFmtId="0" fontId="2" fillId="0" borderId="0" xfId="0" quotePrefix="1" applyFont="1" applyFill="1" applyAlignment="1">
      <alignment horizontal="centerContinuous"/>
    </xf>
    <xf numFmtId="0" fontId="0" fillId="0" borderId="0" xfId="0" applyFill="1" applyAlignment="1">
      <alignment horizontal="centerContinuous"/>
    </xf>
    <xf numFmtId="0" fontId="0" fillId="0" borderId="0" xfId="0" applyFill="1"/>
    <xf numFmtId="0" fontId="4" fillId="0" borderId="1" xfId="0" quotePrefix="1" applyFont="1" applyFill="1" applyBorder="1" applyAlignment="1">
      <alignment horizontal="left"/>
    </xf>
    <xf numFmtId="0" fontId="4" fillId="0" borderId="1" xfId="0" applyFont="1" applyFill="1" applyBorder="1" applyAlignment="1">
      <alignment horizontal="left"/>
    </xf>
    <xf numFmtId="0" fontId="0" fillId="0" borderId="1" xfId="0" quotePrefix="1" applyFill="1" applyBorder="1" applyAlignment="1">
      <alignment horizontal="left"/>
    </xf>
    <xf numFmtId="0" fontId="0" fillId="0" borderId="1" xfId="0" applyFill="1" applyBorder="1"/>
    <xf numFmtId="0" fontId="1" fillId="0" borderId="1" xfId="0" quotePrefix="1" applyFont="1" applyFill="1" applyBorder="1" applyAlignment="1">
      <alignment horizontal="center"/>
    </xf>
    <xf numFmtId="0" fontId="1" fillId="0" borderId="2" xfId="0" quotePrefix="1" applyFont="1" applyFill="1" applyBorder="1" applyAlignment="1">
      <alignment horizontal="center"/>
    </xf>
    <xf numFmtId="0" fontId="1" fillId="0" borderId="3" xfId="0" quotePrefix="1" applyFont="1" applyFill="1" applyBorder="1" applyAlignment="1">
      <alignment horizontal="center"/>
    </xf>
    <xf numFmtId="0" fontId="1" fillId="0" borderId="0" xfId="0" quotePrefix="1" applyFont="1" applyFill="1" applyBorder="1" applyAlignment="1">
      <alignment horizontal="center"/>
    </xf>
    <xf numFmtId="3" fontId="1" fillId="0" borderId="4" xfId="0" quotePrefix="1" applyNumberFormat="1" applyFont="1" applyFill="1" applyBorder="1" applyAlignment="1">
      <alignment horizontal="right"/>
    </xf>
    <xf numFmtId="3" fontId="1" fillId="0" borderId="0" xfId="0" quotePrefix="1" applyNumberFormat="1" applyFont="1" applyFill="1" applyBorder="1" applyAlignment="1">
      <alignment horizontal="right"/>
    </xf>
    <xf numFmtId="0" fontId="1" fillId="0" borderId="5" xfId="0" quotePrefix="1" applyFont="1" applyFill="1" applyBorder="1" applyAlignment="1">
      <alignment horizontal="center"/>
    </xf>
    <xf numFmtId="0" fontId="1" fillId="0" borderId="4" xfId="0" quotePrefix="1" applyFont="1" applyFill="1" applyBorder="1" applyAlignment="1">
      <alignment horizontal="center"/>
    </xf>
    <xf numFmtId="0" fontId="1" fillId="0" borderId="0" xfId="0" quotePrefix="1" applyFont="1" applyFill="1" applyBorder="1" applyAlignment="1">
      <alignment horizontal="right"/>
    </xf>
    <xf numFmtId="0" fontId="1" fillId="0" borderId="5" xfId="0" quotePrefix="1" applyFont="1" applyFill="1" applyBorder="1" applyAlignment="1">
      <alignment horizontal="right"/>
    </xf>
    <xf numFmtId="3" fontId="1" fillId="0" borderId="0" xfId="0" applyNumberFormat="1" applyFont="1" applyFill="1" applyBorder="1"/>
    <xf numFmtId="56" fontId="1" fillId="0" borderId="0" xfId="0" quotePrefix="1" applyNumberFormat="1" applyFont="1" applyFill="1" applyBorder="1" applyAlignment="1">
      <alignment horizontal="right"/>
    </xf>
    <xf numFmtId="0" fontId="1" fillId="0" borderId="0" xfId="0" applyFont="1" applyFill="1"/>
    <xf numFmtId="0" fontId="1" fillId="0" borderId="4" xfId="0" applyFont="1" applyFill="1" applyBorder="1"/>
    <xf numFmtId="0" fontId="1" fillId="0" borderId="0" xfId="0" applyFont="1" applyFill="1" applyBorder="1"/>
    <xf numFmtId="0" fontId="1" fillId="0" borderId="1" xfId="0" applyFont="1" applyFill="1" applyBorder="1"/>
    <xf numFmtId="0" fontId="1" fillId="0" borderId="2" xfId="0" applyFont="1" applyFill="1" applyBorder="1"/>
    <xf numFmtId="0" fontId="1" fillId="0" borderId="3" xfId="0" quotePrefix="1" applyFont="1" applyFill="1" applyBorder="1" applyAlignment="1">
      <alignment horizontal="right"/>
    </xf>
    <xf numFmtId="0" fontId="1" fillId="0" borderId="1" xfId="0" quotePrefix="1" applyFont="1" applyFill="1" applyBorder="1" applyAlignment="1">
      <alignment horizontal="right"/>
    </xf>
    <xf numFmtId="3" fontId="1" fillId="0" borderId="2" xfId="0" quotePrefix="1" applyNumberFormat="1" applyFont="1" applyFill="1" applyBorder="1" applyAlignment="1">
      <alignment horizontal="right"/>
    </xf>
    <xf numFmtId="3" fontId="1" fillId="0" borderId="1" xfId="0" applyNumberFormat="1" applyFont="1" applyFill="1" applyBorder="1"/>
    <xf numFmtId="0" fontId="0" fillId="0" borderId="0" xfId="0" applyFill="1" applyBorder="1" applyAlignment="1">
      <alignment horizontal="center"/>
    </xf>
    <xf numFmtId="2" fontId="0" fillId="0" borderId="0" xfId="0" applyNumberFormat="1" applyFill="1" applyBorder="1"/>
    <xf numFmtId="0" fontId="0" fillId="0" borderId="0" xfId="0" applyFill="1" applyBorder="1"/>
    <xf numFmtId="0" fontId="1" fillId="0" borderId="2" xfId="0" applyFont="1" applyFill="1" applyBorder="1" applyAlignment="1">
      <alignment horizontal="center"/>
    </xf>
    <xf numFmtId="0" fontId="1" fillId="0" borderId="1" xfId="0" applyFont="1" applyFill="1" applyBorder="1" applyAlignment="1">
      <alignment horizontal="center"/>
    </xf>
    <xf numFmtId="0" fontId="1" fillId="0" borderId="0" xfId="0" applyFont="1" applyFill="1" applyBorder="1" applyAlignment="1">
      <alignment horizontal="center"/>
    </xf>
    <xf numFmtId="3" fontId="1" fillId="0" borderId="4" xfId="0" applyNumberFormat="1" applyFont="1" applyFill="1" applyBorder="1" applyAlignment="1">
      <alignment horizontal="right"/>
    </xf>
    <xf numFmtId="3" fontId="1" fillId="0" borderId="0" xfId="0" applyNumberFormat="1" applyFont="1" applyFill="1" applyBorder="1" applyAlignment="1">
      <alignment horizontal="right"/>
    </xf>
    <xf numFmtId="0" fontId="1" fillId="0" borderId="4" xfId="0" applyFont="1" applyFill="1" applyBorder="1" applyAlignment="1">
      <alignment horizontal="center"/>
    </xf>
    <xf numFmtId="0" fontId="1" fillId="0" borderId="5" xfId="0" applyFont="1" applyFill="1" applyBorder="1" applyAlignment="1">
      <alignment horizontal="right"/>
    </xf>
    <xf numFmtId="0" fontId="1" fillId="0" borderId="0" xfId="0" applyFont="1" applyFill="1" applyBorder="1" applyAlignment="1">
      <alignment horizontal="right"/>
    </xf>
    <xf numFmtId="3" fontId="1" fillId="0" borderId="2" xfId="0" applyNumberFormat="1" applyFont="1" applyFill="1" applyBorder="1" applyAlignment="1">
      <alignment horizontal="right"/>
    </xf>
    <xf numFmtId="0" fontId="4" fillId="0" borderId="1" xfId="0" applyFont="1" applyFill="1" applyBorder="1"/>
    <xf numFmtId="38" fontId="0" fillId="0" borderId="0" xfId="1" applyFont="1" applyFill="1" applyBorder="1"/>
    <xf numFmtId="0" fontId="5" fillId="0" borderId="1" xfId="0" applyFont="1" applyFill="1" applyBorder="1" applyAlignment="1">
      <alignment horizontal="right"/>
    </xf>
    <xf numFmtId="0" fontId="0" fillId="0" borderId="1" xfId="0" applyFill="1" applyBorder="1" applyAlignment="1">
      <alignment horizontal="right"/>
    </xf>
  </cellXfs>
  <cellStyles count="2">
    <cellStyle name="桁区切り 2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theme" Target="theme/theme1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tabSelected="1"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</v>
      </c>
      <c r="B2" s="6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236337</v>
      </c>
      <c r="D4" s="14">
        <v>4586915</v>
      </c>
      <c r="E4" s="14">
        <v>464942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28537</v>
      </c>
      <c r="D5" s="14">
        <v>168345</v>
      </c>
      <c r="E5" s="14">
        <v>160192</v>
      </c>
      <c r="F5" s="14"/>
      <c r="G5" s="18" t="s">
        <v>8</v>
      </c>
      <c r="H5" s="17"/>
      <c r="I5" s="13">
        <v>712846</v>
      </c>
      <c r="J5" s="14">
        <v>367862</v>
      </c>
      <c r="K5" s="14">
        <v>344984</v>
      </c>
    </row>
    <row r="6" spans="1:11" ht="15" customHeight="1">
      <c r="A6" s="17" t="s">
        <v>9</v>
      </c>
      <c r="B6" s="17"/>
      <c r="C6" s="13">
        <v>60744</v>
      </c>
      <c r="D6" s="19">
        <v>31210</v>
      </c>
      <c r="E6" s="19">
        <v>29534</v>
      </c>
      <c r="F6" s="19"/>
      <c r="G6" s="18" t="s">
        <v>10</v>
      </c>
      <c r="H6" s="17"/>
      <c r="I6" s="13">
        <v>154474</v>
      </c>
      <c r="J6" s="19">
        <v>79195</v>
      </c>
      <c r="K6" s="19">
        <v>75279</v>
      </c>
    </row>
    <row r="7" spans="1:11" ht="15" customHeight="1">
      <c r="A7" s="17" t="s">
        <v>11</v>
      </c>
      <c r="B7" s="17"/>
      <c r="C7" s="13">
        <v>63709</v>
      </c>
      <c r="D7" s="19">
        <v>32648</v>
      </c>
      <c r="E7" s="19">
        <v>31061</v>
      </c>
      <c r="F7" s="19"/>
      <c r="G7" s="18" t="s">
        <v>12</v>
      </c>
      <c r="H7" s="17"/>
      <c r="I7" s="13">
        <v>149997</v>
      </c>
      <c r="J7" s="19">
        <v>77237</v>
      </c>
      <c r="K7" s="19">
        <v>72760</v>
      </c>
    </row>
    <row r="8" spans="1:11" ht="15" customHeight="1">
      <c r="A8" s="17" t="s">
        <v>13</v>
      </c>
      <c r="B8" s="17"/>
      <c r="C8" s="13">
        <v>66327</v>
      </c>
      <c r="D8" s="19">
        <v>33995</v>
      </c>
      <c r="E8" s="19">
        <v>32332</v>
      </c>
      <c r="F8" s="19"/>
      <c r="G8" s="18" t="s">
        <v>14</v>
      </c>
      <c r="H8" s="17"/>
      <c r="I8" s="13">
        <v>147962</v>
      </c>
      <c r="J8" s="19">
        <v>76512</v>
      </c>
      <c r="K8" s="19">
        <v>71450</v>
      </c>
    </row>
    <row r="9" spans="1:11" ht="15" customHeight="1">
      <c r="A9" s="17" t="s">
        <v>15</v>
      </c>
      <c r="B9" s="17"/>
      <c r="C9" s="13">
        <v>67644</v>
      </c>
      <c r="D9" s="19">
        <v>34613</v>
      </c>
      <c r="E9" s="19">
        <v>33031</v>
      </c>
      <c r="F9" s="19"/>
      <c r="G9" s="18" t="s">
        <v>16</v>
      </c>
      <c r="H9" s="17"/>
      <c r="I9" s="13">
        <v>151850</v>
      </c>
      <c r="J9" s="19">
        <v>78677</v>
      </c>
      <c r="K9" s="19">
        <v>73173</v>
      </c>
    </row>
    <row r="10" spans="1:11" ht="15" customHeight="1">
      <c r="A10" s="17" t="s">
        <v>17</v>
      </c>
      <c r="B10" s="17"/>
      <c r="C10" s="13">
        <v>70113</v>
      </c>
      <c r="D10" s="19">
        <v>35879</v>
      </c>
      <c r="E10" s="19">
        <v>34234</v>
      </c>
      <c r="F10" s="19"/>
      <c r="G10" s="18" t="s">
        <v>18</v>
      </c>
      <c r="H10" s="17"/>
      <c r="I10" s="13">
        <v>108563</v>
      </c>
      <c r="J10" s="19">
        <v>56241</v>
      </c>
      <c r="K10" s="19">
        <v>52322</v>
      </c>
    </row>
    <row r="11" spans="1:11" ht="20.100000000000001" customHeight="1">
      <c r="A11" s="17" t="s">
        <v>19</v>
      </c>
      <c r="B11" s="17"/>
      <c r="C11" s="13">
        <v>367651</v>
      </c>
      <c r="D11" s="14">
        <v>188509</v>
      </c>
      <c r="E11" s="14">
        <v>179142</v>
      </c>
      <c r="F11" s="14"/>
      <c r="G11" s="18" t="s">
        <v>20</v>
      </c>
      <c r="H11" s="17"/>
      <c r="I11" s="13">
        <v>603394</v>
      </c>
      <c r="J11" s="14">
        <v>312505</v>
      </c>
      <c r="K11" s="14">
        <v>290889</v>
      </c>
    </row>
    <row r="12" spans="1:11" ht="15" customHeight="1">
      <c r="A12" s="17" t="s">
        <v>21</v>
      </c>
      <c r="B12" s="17"/>
      <c r="C12" s="13">
        <v>72607</v>
      </c>
      <c r="D12" s="19">
        <v>37174</v>
      </c>
      <c r="E12" s="19">
        <v>35433</v>
      </c>
      <c r="F12" s="19"/>
      <c r="G12" s="18" t="s">
        <v>22</v>
      </c>
      <c r="H12" s="17"/>
      <c r="I12" s="13">
        <v>138718</v>
      </c>
      <c r="J12" s="19">
        <v>72033</v>
      </c>
      <c r="K12" s="19">
        <v>66685</v>
      </c>
    </row>
    <row r="13" spans="1:11" ht="15" customHeight="1">
      <c r="A13" s="17" t="s">
        <v>23</v>
      </c>
      <c r="B13" s="17"/>
      <c r="C13" s="13">
        <v>72191</v>
      </c>
      <c r="D13" s="19">
        <v>37021</v>
      </c>
      <c r="E13" s="19">
        <v>35170</v>
      </c>
      <c r="F13" s="19"/>
      <c r="G13" s="18" t="s">
        <v>24</v>
      </c>
      <c r="H13" s="17"/>
      <c r="I13" s="13">
        <v>126401</v>
      </c>
      <c r="J13" s="19">
        <v>65549</v>
      </c>
      <c r="K13" s="19">
        <v>60852</v>
      </c>
    </row>
    <row r="14" spans="1:11" ht="15" customHeight="1">
      <c r="A14" s="17" t="s">
        <v>25</v>
      </c>
      <c r="B14" s="17"/>
      <c r="C14" s="13">
        <v>73524</v>
      </c>
      <c r="D14" s="19">
        <v>37819</v>
      </c>
      <c r="E14" s="19">
        <v>35705</v>
      </c>
      <c r="F14" s="19"/>
      <c r="G14" s="18" t="s">
        <v>26</v>
      </c>
      <c r="H14" s="17"/>
      <c r="I14" s="13">
        <v>119362</v>
      </c>
      <c r="J14" s="19">
        <v>61928</v>
      </c>
      <c r="K14" s="19">
        <v>57434</v>
      </c>
    </row>
    <row r="15" spans="1:11" ht="15" customHeight="1">
      <c r="A15" s="17" t="s">
        <v>27</v>
      </c>
      <c r="B15" s="17"/>
      <c r="C15" s="13">
        <v>74556</v>
      </c>
      <c r="D15" s="19">
        <v>38173</v>
      </c>
      <c r="E15" s="19">
        <v>36383</v>
      </c>
      <c r="F15" s="19"/>
      <c r="G15" s="18" t="s">
        <v>28</v>
      </c>
      <c r="H15" s="17"/>
      <c r="I15" s="13">
        <v>112187</v>
      </c>
      <c r="J15" s="19">
        <v>57964</v>
      </c>
      <c r="K15" s="19">
        <v>54223</v>
      </c>
    </row>
    <row r="16" spans="1:11" ht="15" customHeight="1">
      <c r="A16" s="17" t="s">
        <v>29</v>
      </c>
      <c r="B16" s="17"/>
      <c r="C16" s="13">
        <v>74773</v>
      </c>
      <c r="D16" s="19">
        <v>38322</v>
      </c>
      <c r="E16" s="19">
        <v>36451</v>
      </c>
      <c r="F16" s="19"/>
      <c r="G16" s="18" t="s">
        <v>30</v>
      </c>
      <c r="H16" s="17"/>
      <c r="I16" s="13">
        <v>106726</v>
      </c>
      <c r="J16" s="19">
        <v>55031</v>
      </c>
      <c r="K16" s="19">
        <v>51695</v>
      </c>
    </row>
    <row r="17" spans="1:11" ht="20.100000000000001" customHeight="1">
      <c r="A17" s="20" t="s">
        <v>31</v>
      </c>
      <c r="B17" s="20"/>
      <c r="C17" s="13">
        <v>386396</v>
      </c>
      <c r="D17" s="14">
        <v>198145</v>
      </c>
      <c r="E17" s="14">
        <v>188251</v>
      </c>
      <c r="F17" s="14"/>
      <c r="G17" s="18" t="s">
        <v>32</v>
      </c>
      <c r="H17" s="17"/>
      <c r="I17" s="13">
        <v>486986</v>
      </c>
      <c r="J17" s="14">
        <v>247367</v>
      </c>
      <c r="K17" s="14">
        <v>239619</v>
      </c>
    </row>
    <row r="18" spans="1:11" ht="15" customHeight="1">
      <c r="A18" s="17" t="s">
        <v>33</v>
      </c>
      <c r="B18" s="17"/>
      <c r="C18" s="13">
        <v>76524</v>
      </c>
      <c r="D18" s="19">
        <v>39138</v>
      </c>
      <c r="E18" s="19">
        <v>37386</v>
      </c>
      <c r="F18" s="19"/>
      <c r="G18" s="18" t="s">
        <v>34</v>
      </c>
      <c r="H18" s="17"/>
      <c r="I18" s="13">
        <v>103688</v>
      </c>
      <c r="J18" s="19">
        <v>52737</v>
      </c>
      <c r="K18" s="19">
        <v>50951</v>
      </c>
    </row>
    <row r="19" spans="1:11" ht="15" customHeight="1">
      <c r="A19" s="17" t="s">
        <v>35</v>
      </c>
      <c r="B19" s="17"/>
      <c r="C19" s="13">
        <v>76509</v>
      </c>
      <c r="D19" s="19">
        <v>39042</v>
      </c>
      <c r="E19" s="19">
        <v>37467</v>
      </c>
      <c r="F19" s="19"/>
      <c r="G19" s="18" t="s">
        <v>36</v>
      </c>
      <c r="H19" s="17"/>
      <c r="I19" s="13">
        <v>100248</v>
      </c>
      <c r="J19" s="19">
        <v>51635</v>
      </c>
      <c r="K19" s="19">
        <v>48613</v>
      </c>
    </row>
    <row r="20" spans="1:11" ht="15" customHeight="1">
      <c r="A20" s="17" t="s">
        <v>37</v>
      </c>
      <c r="B20" s="17"/>
      <c r="C20" s="13">
        <v>77727</v>
      </c>
      <c r="D20" s="19">
        <v>39886</v>
      </c>
      <c r="E20" s="19">
        <v>37841</v>
      </c>
      <c r="F20" s="19"/>
      <c r="G20" s="18" t="s">
        <v>38</v>
      </c>
      <c r="H20" s="17"/>
      <c r="I20" s="13">
        <v>98732</v>
      </c>
      <c r="J20" s="19">
        <v>50109</v>
      </c>
      <c r="K20" s="19">
        <v>48623</v>
      </c>
    </row>
    <row r="21" spans="1:11" ht="15" customHeight="1">
      <c r="A21" s="17" t="s">
        <v>39</v>
      </c>
      <c r="B21" s="17"/>
      <c r="C21" s="13">
        <v>77750</v>
      </c>
      <c r="D21" s="19">
        <v>40000</v>
      </c>
      <c r="E21" s="19">
        <v>37750</v>
      </c>
      <c r="F21" s="19"/>
      <c r="G21" s="18" t="s">
        <v>40</v>
      </c>
      <c r="H21" s="17"/>
      <c r="I21" s="13">
        <v>91270</v>
      </c>
      <c r="J21" s="19">
        <v>45984</v>
      </c>
      <c r="K21" s="19">
        <v>45286</v>
      </c>
    </row>
    <row r="22" spans="1:11" ht="15" customHeight="1">
      <c r="A22" s="17" t="s">
        <v>41</v>
      </c>
      <c r="B22" s="17"/>
      <c r="C22" s="13">
        <v>77886</v>
      </c>
      <c r="D22" s="19">
        <v>40079</v>
      </c>
      <c r="E22" s="19">
        <v>37807</v>
      </c>
      <c r="F22" s="19"/>
      <c r="G22" s="18" t="s">
        <v>42</v>
      </c>
      <c r="H22" s="17"/>
      <c r="I22" s="13">
        <v>93048</v>
      </c>
      <c r="J22" s="19">
        <v>46902</v>
      </c>
      <c r="K22" s="19">
        <v>46146</v>
      </c>
    </row>
    <row r="23" spans="1:11" ht="20.100000000000001" customHeight="1">
      <c r="A23" s="17" t="s">
        <v>43</v>
      </c>
      <c r="B23" s="17"/>
      <c r="C23" s="13">
        <v>407024</v>
      </c>
      <c r="D23" s="14">
        <v>208456</v>
      </c>
      <c r="E23" s="14">
        <v>198568</v>
      </c>
      <c r="F23" s="14"/>
      <c r="G23" s="18" t="s">
        <v>44</v>
      </c>
      <c r="H23" s="17"/>
      <c r="I23" s="13">
        <v>502930</v>
      </c>
      <c r="J23" s="14">
        <v>246996</v>
      </c>
      <c r="K23" s="14">
        <v>255934</v>
      </c>
    </row>
    <row r="24" spans="1:11" ht="15" customHeight="1">
      <c r="A24" s="17" t="s">
        <v>45</v>
      </c>
      <c r="B24" s="17"/>
      <c r="C24" s="13">
        <v>75197</v>
      </c>
      <c r="D24" s="19">
        <v>38363</v>
      </c>
      <c r="E24" s="19">
        <v>36834</v>
      </c>
      <c r="F24" s="19"/>
      <c r="G24" s="18" t="s">
        <v>46</v>
      </c>
      <c r="H24" s="17"/>
      <c r="I24" s="13">
        <v>95483</v>
      </c>
      <c r="J24" s="19">
        <v>47622</v>
      </c>
      <c r="K24" s="19">
        <v>47861</v>
      </c>
    </row>
    <row r="25" spans="1:11" ht="15" customHeight="1">
      <c r="A25" s="17" t="s">
        <v>47</v>
      </c>
      <c r="B25" s="17"/>
      <c r="C25" s="13">
        <v>78454</v>
      </c>
      <c r="D25" s="19">
        <v>40287</v>
      </c>
      <c r="E25" s="19">
        <v>38167</v>
      </c>
      <c r="F25" s="19"/>
      <c r="G25" s="18" t="s">
        <v>48</v>
      </c>
      <c r="H25" s="17"/>
      <c r="I25" s="13">
        <v>94821</v>
      </c>
      <c r="J25" s="19">
        <v>46998</v>
      </c>
      <c r="K25" s="19">
        <v>47823</v>
      </c>
    </row>
    <row r="26" spans="1:11" ht="15" customHeight="1">
      <c r="A26" s="17" t="s">
        <v>49</v>
      </c>
      <c r="B26" s="17"/>
      <c r="C26" s="13">
        <v>79543</v>
      </c>
      <c r="D26" s="19">
        <v>40939</v>
      </c>
      <c r="E26" s="19">
        <v>38604</v>
      </c>
      <c r="F26" s="19"/>
      <c r="G26" s="18" t="s">
        <v>50</v>
      </c>
      <c r="H26" s="17"/>
      <c r="I26" s="13">
        <v>97329</v>
      </c>
      <c r="J26" s="19">
        <v>47528</v>
      </c>
      <c r="K26" s="19">
        <v>49801</v>
      </c>
    </row>
    <row r="27" spans="1:11" ht="15" customHeight="1">
      <c r="A27" s="17" t="s">
        <v>51</v>
      </c>
      <c r="B27" s="17"/>
      <c r="C27" s="13">
        <v>82551</v>
      </c>
      <c r="D27" s="19">
        <v>41879</v>
      </c>
      <c r="E27" s="19">
        <v>40672</v>
      </c>
      <c r="F27" s="19"/>
      <c r="G27" s="18" t="s">
        <v>52</v>
      </c>
      <c r="H27" s="17"/>
      <c r="I27" s="13">
        <v>105606</v>
      </c>
      <c r="J27" s="19">
        <v>51546</v>
      </c>
      <c r="K27" s="19">
        <v>54060</v>
      </c>
    </row>
    <row r="28" spans="1:11" ht="15" customHeight="1">
      <c r="A28" s="17" t="s">
        <v>53</v>
      </c>
      <c r="B28" s="17"/>
      <c r="C28" s="13">
        <v>91279</v>
      </c>
      <c r="D28" s="19">
        <v>46988</v>
      </c>
      <c r="E28" s="19">
        <v>44291</v>
      </c>
      <c r="F28" s="19"/>
      <c r="G28" s="18" t="s">
        <v>54</v>
      </c>
      <c r="H28" s="17"/>
      <c r="I28" s="13">
        <v>109691</v>
      </c>
      <c r="J28" s="19">
        <v>53302</v>
      </c>
      <c r="K28" s="19">
        <v>56389</v>
      </c>
    </row>
    <row r="29" spans="1:11" ht="20.100000000000001" customHeight="1">
      <c r="A29" s="17" t="s">
        <v>55</v>
      </c>
      <c r="B29" s="17"/>
      <c r="C29" s="13">
        <v>488692</v>
      </c>
      <c r="D29" s="14">
        <v>250600</v>
      </c>
      <c r="E29" s="14">
        <v>238092</v>
      </c>
      <c r="F29" s="14"/>
      <c r="G29" s="18" t="s">
        <v>56</v>
      </c>
      <c r="H29" s="17"/>
      <c r="I29" s="13">
        <v>606905</v>
      </c>
      <c r="J29" s="14">
        <v>286955</v>
      </c>
      <c r="K29" s="14">
        <v>319950</v>
      </c>
    </row>
    <row r="30" spans="1:11" ht="15" customHeight="1">
      <c r="A30" s="17" t="s">
        <v>57</v>
      </c>
      <c r="B30" s="17"/>
      <c r="C30" s="13">
        <v>95675</v>
      </c>
      <c r="D30" s="19">
        <v>49077</v>
      </c>
      <c r="E30" s="19">
        <v>46598</v>
      </c>
      <c r="F30" s="19"/>
      <c r="G30" s="18" t="s">
        <v>58</v>
      </c>
      <c r="H30" s="17"/>
      <c r="I30" s="13">
        <v>118074</v>
      </c>
      <c r="J30" s="19">
        <v>56938</v>
      </c>
      <c r="K30" s="19">
        <v>61136</v>
      </c>
    </row>
    <row r="31" spans="1:11" ht="15" customHeight="1">
      <c r="A31" s="17" t="s">
        <v>59</v>
      </c>
      <c r="B31" s="17"/>
      <c r="C31" s="13">
        <v>96679</v>
      </c>
      <c r="D31" s="19">
        <v>49515</v>
      </c>
      <c r="E31" s="19">
        <v>47164</v>
      </c>
      <c r="F31" s="19"/>
      <c r="G31" s="18" t="s">
        <v>60</v>
      </c>
      <c r="H31" s="17"/>
      <c r="I31" s="13">
        <v>135271</v>
      </c>
      <c r="J31" s="19">
        <v>64226</v>
      </c>
      <c r="K31" s="19">
        <v>71045</v>
      </c>
    </row>
    <row r="32" spans="1:11">
      <c r="A32" s="17" t="s">
        <v>61</v>
      </c>
      <c r="B32" s="17"/>
      <c r="C32" s="13">
        <v>99269</v>
      </c>
      <c r="D32" s="19">
        <v>51155</v>
      </c>
      <c r="E32" s="19">
        <v>48114</v>
      </c>
      <c r="F32" s="19"/>
      <c r="G32" s="18" t="s">
        <v>62</v>
      </c>
      <c r="H32" s="17"/>
      <c r="I32" s="13">
        <v>131700</v>
      </c>
      <c r="J32" s="19">
        <v>61948</v>
      </c>
      <c r="K32" s="19">
        <v>69752</v>
      </c>
    </row>
    <row r="33" spans="1:11" ht="15" customHeight="1">
      <c r="A33" s="17" t="s">
        <v>63</v>
      </c>
      <c r="B33" s="17"/>
      <c r="C33" s="13">
        <v>98982</v>
      </c>
      <c r="D33" s="19">
        <v>50624</v>
      </c>
      <c r="E33" s="19">
        <v>48358</v>
      </c>
      <c r="F33" s="19"/>
      <c r="G33" s="18" t="s">
        <v>64</v>
      </c>
      <c r="H33" s="17"/>
      <c r="I33" s="13">
        <v>131200</v>
      </c>
      <c r="J33" s="19">
        <v>61577</v>
      </c>
      <c r="K33" s="19">
        <v>69623</v>
      </c>
    </row>
    <row r="34" spans="1:11" ht="15" customHeight="1">
      <c r="A34" s="17" t="s">
        <v>65</v>
      </c>
      <c r="B34" s="17"/>
      <c r="C34" s="13">
        <v>98087</v>
      </c>
      <c r="D34" s="19">
        <v>50229</v>
      </c>
      <c r="E34" s="19">
        <v>47858</v>
      </c>
      <c r="F34" s="19"/>
      <c r="G34" s="18" t="s">
        <v>66</v>
      </c>
      <c r="H34" s="17"/>
      <c r="I34" s="13">
        <v>90660</v>
      </c>
      <c r="J34" s="19">
        <v>42266</v>
      </c>
      <c r="K34" s="19">
        <v>48394</v>
      </c>
    </row>
    <row r="35" spans="1:11" ht="20.100000000000001" customHeight="1">
      <c r="A35" s="17" t="s">
        <v>67</v>
      </c>
      <c r="B35" s="17"/>
      <c r="C35" s="13">
        <v>479498</v>
      </c>
      <c r="D35" s="14">
        <v>247648</v>
      </c>
      <c r="E35" s="14">
        <v>231850</v>
      </c>
      <c r="F35" s="14"/>
      <c r="G35" s="18" t="s">
        <v>68</v>
      </c>
      <c r="H35" s="17"/>
      <c r="I35" s="13">
        <v>477498</v>
      </c>
      <c r="J35" s="14">
        <v>215216</v>
      </c>
      <c r="K35" s="14">
        <v>262282</v>
      </c>
    </row>
    <row r="36" spans="1:11" ht="15" customHeight="1">
      <c r="A36" s="17" t="s">
        <v>69</v>
      </c>
      <c r="B36" s="17"/>
      <c r="C36" s="13">
        <v>96931</v>
      </c>
      <c r="D36" s="19">
        <v>49898</v>
      </c>
      <c r="E36" s="19">
        <v>47033</v>
      </c>
      <c r="F36" s="19"/>
      <c r="G36" s="18" t="s">
        <v>70</v>
      </c>
      <c r="H36" s="17"/>
      <c r="I36" s="13">
        <v>81097</v>
      </c>
      <c r="J36" s="19">
        <v>37251</v>
      </c>
      <c r="K36" s="19">
        <v>43846</v>
      </c>
    </row>
    <row r="37" spans="1:11" ht="15" customHeight="1">
      <c r="A37" s="17" t="s">
        <v>71</v>
      </c>
      <c r="B37" s="17"/>
      <c r="C37" s="13">
        <v>99075</v>
      </c>
      <c r="D37" s="19">
        <v>51002</v>
      </c>
      <c r="E37" s="19">
        <v>48073</v>
      </c>
      <c r="F37" s="19"/>
      <c r="G37" s="18" t="s">
        <v>72</v>
      </c>
      <c r="H37" s="17"/>
      <c r="I37" s="13">
        <v>99103</v>
      </c>
      <c r="J37" s="19">
        <v>44876</v>
      </c>
      <c r="K37" s="19">
        <v>54227</v>
      </c>
    </row>
    <row r="38" spans="1:11" ht="15" customHeight="1">
      <c r="A38" s="17" t="s">
        <v>73</v>
      </c>
      <c r="B38" s="17"/>
      <c r="C38" s="13">
        <v>94453</v>
      </c>
      <c r="D38" s="19">
        <v>48893</v>
      </c>
      <c r="E38" s="19">
        <v>45560</v>
      </c>
      <c r="F38" s="19"/>
      <c r="G38" s="18" t="s">
        <v>74</v>
      </c>
      <c r="H38" s="17"/>
      <c r="I38" s="13">
        <v>103439</v>
      </c>
      <c r="J38" s="19">
        <v>46598</v>
      </c>
      <c r="K38" s="19">
        <v>56841</v>
      </c>
    </row>
    <row r="39" spans="1:11" ht="15" customHeight="1">
      <c r="A39" s="17" t="s">
        <v>75</v>
      </c>
      <c r="B39" s="17"/>
      <c r="C39" s="13">
        <v>94119</v>
      </c>
      <c r="D39" s="19">
        <v>48681</v>
      </c>
      <c r="E39" s="19">
        <v>45438</v>
      </c>
      <c r="F39" s="19"/>
      <c r="G39" s="18" t="s">
        <v>76</v>
      </c>
      <c r="H39" s="17"/>
      <c r="I39" s="13">
        <v>97739</v>
      </c>
      <c r="J39" s="19">
        <v>43916</v>
      </c>
      <c r="K39" s="19">
        <v>53823</v>
      </c>
    </row>
    <row r="40" spans="1:11" ht="15" customHeight="1">
      <c r="A40" s="17" t="s">
        <v>77</v>
      </c>
      <c r="B40" s="17"/>
      <c r="C40" s="13">
        <v>94920</v>
      </c>
      <c r="D40" s="19">
        <v>49174</v>
      </c>
      <c r="E40" s="19">
        <v>45746</v>
      </c>
      <c r="F40" s="19"/>
      <c r="G40" s="18" t="s">
        <v>78</v>
      </c>
      <c r="H40" s="17"/>
      <c r="I40" s="13">
        <v>96120</v>
      </c>
      <c r="J40" s="19">
        <v>42575</v>
      </c>
      <c r="K40" s="19">
        <v>53545</v>
      </c>
    </row>
    <row r="41" spans="1:11" ht="20.100000000000001" customHeight="1">
      <c r="A41" s="17" t="s">
        <v>79</v>
      </c>
      <c r="B41" s="17"/>
      <c r="C41" s="13">
        <v>490387</v>
      </c>
      <c r="D41" s="14">
        <v>253147</v>
      </c>
      <c r="E41" s="14">
        <v>237240</v>
      </c>
      <c r="F41" s="14"/>
      <c r="G41" s="18" t="s">
        <v>80</v>
      </c>
      <c r="H41" s="17"/>
      <c r="I41" s="13">
        <v>358146</v>
      </c>
      <c r="J41" s="14">
        <v>154443</v>
      </c>
      <c r="K41" s="14">
        <v>203703</v>
      </c>
    </row>
    <row r="42" spans="1:11" ht="15" customHeight="1">
      <c r="A42" s="17" t="s">
        <v>81</v>
      </c>
      <c r="B42" s="17"/>
      <c r="C42" s="13">
        <v>94757</v>
      </c>
      <c r="D42" s="19">
        <v>48969</v>
      </c>
      <c r="E42" s="19">
        <v>45788</v>
      </c>
      <c r="F42" s="19"/>
      <c r="G42" s="18" t="s">
        <v>82</v>
      </c>
      <c r="H42" s="17"/>
      <c r="I42" s="13">
        <v>85775</v>
      </c>
      <c r="J42" s="19">
        <v>37711</v>
      </c>
      <c r="K42" s="19">
        <v>48064</v>
      </c>
    </row>
    <row r="43" spans="1:11" ht="15" customHeight="1">
      <c r="A43" s="17" t="s">
        <v>83</v>
      </c>
      <c r="B43" s="17"/>
      <c r="C43" s="13">
        <v>94768</v>
      </c>
      <c r="D43" s="19">
        <v>48827</v>
      </c>
      <c r="E43" s="19">
        <v>45941</v>
      </c>
      <c r="F43" s="19"/>
      <c r="G43" s="18" t="s">
        <v>84</v>
      </c>
      <c r="H43" s="17"/>
      <c r="I43" s="13">
        <v>72241</v>
      </c>
      <c r="J43" s="19">
        <v>31655</v>
      </c>
      <c r="K43" s="19">
        <v>40586</v>
      </c>
    </row>
    <row r="44" spans="1:11" ht="15" customHeight="1">
      <c r="A44" s="17" t="s">
        <v>85</v>
      </c>
      <c r="B44" s="17"/>
      <c r="C44" s="13">
        <v>99898</v>
      </c>
      <c r="D44" s="19">
        <v>51392</v>
      </c>
      <c r="E44" s="19">
        <v>48506</v>
      </c>
      <c r="F44" s="19"/>
      <c r="G44" s="18" t="s">
        <v>86</v>
      </c>
      <c r="H44" s="17"/>
      <c r="I44" s="13">
        <v>67055</v>
      </c>
      <c r="J44" s="19">
        <v>29281</v>
      </c>
      <c r="K44" s="19">
        <v>37774</v>
      </c>
    </row>
    <row r="45" spans="1:11" ht="15" customHeight="1">
      <c r="A45" s="17" t="s">
        <v>87</v>
      </c>
      <c r="B45" s="17"/>
      <c r="C45" s="13">
        <v>99278</v>
      </c>
      <c r="D45" s="19">
        <v>51293</v>
      </c>
      <c r="E45" s="19">
        <v>47985</v>
      </c>
      <c r="F45" s="19"/>
      <c r="G45" s="18" t="s">
        <v>88</v>
      </c>
      <c r="H45" s="17"/>
      <c r="I45" s="13">
        <v>70138</v>
      </c>
      <c r="J45" s="19">
        <v>29799</v>
      </c>
      <c r="K45" s="19">
        <v>40339</v>
      </c>
    </row>
    <row r="46" spans="1:11" ht="15" customHeight="1">
      <c r="A46" s="17" t="s">
        <v>89</v>
      </c>
      <c r="B46" s="17"/>
      <c r="C46" s="13">
        <v>101686</v>
      </c>
      <c r="D46" s="19">
        <v>52666</v>
      </c>
      <c r="E46" s="19">
        <v>49020</v>
      </c>
      <c r="F46" s="19"/>
      <c r="G46" s="18" t="s">
        <v>90</v>
      </c>
      <c r="H46" s="17"/>
      <c r="I46" s="13">
        <v>62937</v>
      </c>
      <c r="J46" s="19">
        <v>25997</v>
      </c>
      <c r="K46" s="19">
        <v>36940</v>
      </c>
    </row>
    <row r="47" spans="1:11" ht="20.100000000000001" customHeight="1">
      <c r="A47" s="17" t="s">
        <v>91</v>
      </c>
      <c r="B47" s="17"/>
      <c r="C47" s="13">
        <v>557160</v>
      </c>
      <c r="D47" s="14">
        <v>286265</v>
      </c>
      <c r="E47" s="14">
        <v>270895</v>
      </c>
      <c r="F47" s="14"/>
      <c r="G47" s="18" t="s">
        <v>92</v>
      </c>
      <c r="H47" s="17"/>
      <c r="I47" s="13">
        <v>231479</v>
      </c>
      <c r="J47" s="14">
        <v>86554</v>
      </c>
      <c r="K47" s="14">
        <v>144925</v>
      </c>
    </row>
    <row r="48" spans="1:11" ht="15" customHeight="1">
      <c r="A48" s="17" t="s">
        <v>93</v>
      </c>
      <c r="B48" s="17"/>
      <c r="C48" s="13">
        <v>105936</v>
      </c>
      <c r="D48" s="19">
        <v>54373</v>
      </c>
      <c r="E48" s="19">
        <v>51563</v>
      </c>
      <c r="F48" s="19"/>
      <c r="G48" s="18" t="s">
        <v>94</v>
      </c>
      <c r="H48" s="17"/>
      <c r="I48" s="13">
        <v>60323</v>
      </c>
      <c r="J48" s="19">
        <v>24247</v>
      </c>
      <c r="K48" s="19">
        <v>36076</v>
      </c>
    </row>
    <row r="49" spans="1:11" ht="15" customHeight="1">
      <c r="A49" s="17" t="s">
        <v>95</v>
      </c>
      <c r="B49" s="17"/>
      <c r="C49" s="13">
        <v>110574</v>
      </c>
      <c r="D49" s="19">
        <v>56918</v>
      </c>
      <c r="E49" s="19">
        <v>53656</v>
      </c>
      <c r="F49" s="19"/>
      <c r="G49" s="18" t="s">
        <v>96</v>
      </c>
      <c r="H49" s="17"/>
      <c r="I49" s="13">
        <v>49680</v>
      </c>
      <c r="J49" s="19">
        <v>19113</v>
      </c>
      <c r="K49" s="19">
        <v>30567</v>
      </c>
    </row>
    <row r="50" spans="1:11" ht="15" customHeight="1">
      <c r="A50" s="17" t="s">
        <v>97</v>
      </c>
      <c r="B50" s="17"/>
      <c r="C50" s="13">
        <v>113219</v>
      </c>
      <c r="D50" s="19">
        <v>58125</v>
      </c>
      <c r="E50" s="19">
        <v>55094</v>
      </c>
      <c r="F50" s="19"/>
      <c r="G50" s="18" t="s">
        <v>98</v>
      </c>
      <c r="H50" s="17"/>
      <c r="I50" s="13">
        <v>45796</v>
      </c>
      <c r="J50" s="19">
        <v>16986</v>
      </c>
      <c r="K50" s="19">
        <v>28810</v>
      </c>
    </row>
    <row r="51" spans="1:11" ht="15" customHeight="1">
      <c r="A51" s="17" t="s">
        <v>99</v>
      </c>
      <c r="B51" s="17"/>
      <c r="C51" s="13">
        <v>112722</v>
      </c>
      <c r="D51" s="19">
        <v>58173</v>
      </c>
      <c r="E51" s="19">
        <v>54549</v>
      </c>
      <c r="F51" s="19"/>
      <c r="G51" s="18" t="s">
        <v>100</v>
      </c>
      <c r="H51" s="17"/>
      <c r="I51" s="13">
        <v>40884</v>
      </c>
      <c r="J51" s="19">
        <v>14550</v>
      </c>
      <c r="K51" s="19">
        <v>26334</v>
      </c>
    </row>
    <row r="52" spans="1:11" ht="15" customHeight="1">
      <c r="A52" s="17" t="s">
        <v>101</v>
      </c>
      <c r="B52" s="17"/>
      <c r="C52" s="13">
        <v>114709</v>
      </c>
      <c r="D52" s="19">
        <v>58676</v>
      </c>
      <c r="E52" s="19">
        <v>56033</v>
      </c>
      <c r="F52" s="19"/>
      <c r="G52" s="18" t="s">
        <v>102</v>
      </c>
      <c r="H52" s="17"/>
      <c r="I52" s="13">
        <v>34796</v>
      </c>
      <c r="J52" s="19">
        <v>11658</v>
      </c>
      <c r="K52" s="19">
        <v>23138</v>
      </c>
    </row>
    <row r="53" spans="1:11" ht="20.100000000000001" customHeight="1">
      <c r="A53" s="17" t="s">
        <v>103</v>
      </c>
      <c r="B53" s="17"/>
      <c r="C53" s="13">
        <v>635653</v>
      </c>
      <c r="D53" s="14">
        <v>325407</v>
      </c>
      <c r="E53" s="14">
        <v>310246</v>
      </c>
      <c r="F53" s="14"/>
      <c r="G53" s="18" t="s">
        <v>104</v>
      </c>
      <c r="H53" s="17"/>
      <c r="I53" s="13">
        <v>103184</v>
      </c>
      <c r="J53" s="14">
        <v>30454</v>
      </c>
      <c r="K53" s="14">
        <v>72730</v>
      </c>
    </row>
    <row r="54" spans="1:11" ht="15" customHeight="1">
      <c r="A54" s="17" t="s">
        <v>105</v>
      </c>
      <c r="B54" s="17"/>
      <c r="C54" s="13">
        <v>117462</v>
      </c>
      <c r="D54" s="19">
        <v>59826</v>
      </c>
      <c r="E54" s="19">
        <v>57636</v>
      </c>
      <c r="F54" s="19"/>
      <c r="G54" s="18" t="s">
        <v>106</v>
      </c>
      <c r="H54" s="17"/>
      <c r="I54" s="13">
        <v>29522</v>
      </c>
      <c r="J54" s="19">
        <v>9495</v>
      </c>
      <c r="K54" s="19">
        <v>20027</v>
      </c>
    </row>
    <row r="55" spans="1:11" ht="15" customHeight="1">
      <c r="A55" s="17" t="s">
        <v>107</v>
      </c>
      <c r="B55" s="17"/>
      <c r="C55" s="13">
        <v>122942</v>
      </c>
      <c r="D55" s="19">
        <v>63217</v>
      </c>
      <c r="E55" s="19">
        <v>59725</v>
      </c>
      <c r="F55" s="19"/>
      <c r="G55" s="18" t="s">
        <v>108</v>
      </c>
      <c r="H55" s="17"/>
      <c r="I55" s="13">
        <v>24677</v>
      </c>
      <c r="J55" s="19">
        <v>7497</v>
      </c>
      <c r="K55" s="19">
        <v>17180</v>
      </c>
    </row>
    <row r="56" spans="1:11" ht="15" customHeight="1">
      <c r="A56" s="17" t="s">
        <v>109</v>
      </c>
      <c r="B56" s="17"/>
      <c r="C56" s="13">
        <v>127632</v>
      </c>
      <c r="D56" s="19">
        <v>65279</v>
      </c>
      <c r="E56" s="19">
        <v>62353</v>
      </c>
      <c r="F56" s="19"/>
      <c r="G56" s="18" t="s">
        <v>110</v>
      </c>
      <c r="H56" s="17"/>
      <c r="I56" s="13">
        <v>20969</v>
      </c>
      <c r="J56" s="19">
        <v>5863</v>
      </c>
      <c r="K56" s="19">
        <v>15106</v>
      </c>
    </row>
    <row r="57" spans="1:11" ht="15" customHeight="1">
      <c r="A57" s="17" t="s">
        <v>111</v>
      </c>
      <c r="B57" s="17"/>
      <c r="C57" s="13">
        <v>131078</v>
      </c>
      <c r="D57" s="19">
        <v>67193</v>
      </c>
      <c r="E57" s="19">
        <v>63885</v>
      </c>
      <c r="F57" s="19"/>
      <c r="G57" s="18" t="s">
        <v>112</v>
      </c>
      <c r="H57" s="17"/>
      <c r="I57" s="13">
        <v>15703</v>
      </c>
      <c r="J57" s="19">
        <v>4310</v>
      </c>
      <c r="K57" s="19">
        <v>11393</v>
      </c>
    </row>
    <row r="58" spans="1:11" ht="15" customHeight="1">
      <c r="A58" s="17" t="s">
        <v>113</v>
      </c>
      <c r="B58" s="17"/>
      <c r="C58" s="13">
        <v>136539</v>
      </c>
      <c r="D58" s="19">
        <v>69892</v>
      </c>
      <c r="E58" s="19">
        <v>66647</v>
      </c>
      <c r="F58" s="19"/>
      <c r="G58" s="18" t="s">
        <v>114</v>
      </c>
      <c r="H58" s="17"/>
      <c r="I58" s="13">
        <v>12313</v>
      </c>
      <c r="J58" s="19">
        <v>3289</v>
      </c>
      <c r="K58" s="19">
        <v>9024</v>
      </c>
    </row>
    <row r="59" spans="1:11" ht="20.100000000000001" customHeight="1">
      <c r="A59" s="17" t="s">
        <v>115</v>
      </c>
      <c r="B59" s="17"/>
      <c r="C59" s="13">
        <v>765863</v>
      </c>
      <c r="D59" s="14">
        <v>390323</v>
      </c>
      <c r="E59" s="14">
        <v>375540</v>
      </c>
      <c r="F59" s="14"/>
      <c r="G59" s="18" t="s">
        <v>116</v>
      </c>
      <c r="H59" s="17"/>
      <c r="I59" s="13">
        <v>27631</v>
      </c>
      <c r="J59" s="14">
        <v>5556</v>
      </c>
      <c r="K59" s="14">
        <v>22075</v>
      </c>
    </row>
    <row r="60" spans="1:11" ht="15" customHeight="1">
      <c r="A60" s="17" t="s">
        <v>117</v>
      </c>
      <c r="B60" s="17"/>
      <c r="C60" s="13">
        <v>140856</v>
      </c>
      <c r="D60" s="19">
        <v>72007</v>
      </c>
      <c r="E60" s="19">
        <v>68849</v>
      </c>
      <c r="F60" s="19"/>
      <c r="G60" s="18" t="s">
        <v>118</v>
      </c>
      <c r="H60" s="17"/>
      <c r="I60" s="13">
        <v>9838</v>
      </c>
      <c r="J60" s="19">
        <v>2268</v>
      </c>
      <c r="K60" s="19">
        <v>7570</v>
      </c>
    </row>
    <row r="61" spans="1:11" ht="15" customHeight="1">
      <c r="A61" s="17" t="s">
        <v>119</v>
      </c>
      <c r="B61" s="17"/>
      <c r="C61" s="13">
        <v>151626</v>
      </c>
      <c r="D61" s="19">
        <v>77706</v>
      </c>
      <c r="E61" s="19">
        <v>73920</v>
      </c>
      <c r="F61" s="19"/>
      <c r="G61" s="18" t="s">
        <v>120</v>
      </c>
      <c r="H61" s="17"/>
      <c r="I61" s="13">
        <v>6813</v>
      </c>
      <c r="J61" s="19">
        <v>1390</v>
      </c>
      <c r="K61" s="19">
        <v>5423</v>
      </c>
    </row>
    <row r="62" spans="1:11" ht="15" customHeight="1">
      <c r="A62" s="17" t="s">
        <v>121</v>
      </c>
      <c r="B62" s="17"/>
      <c r="C62" s="13">
        <v>159182</v>
      </c>
      <c r="D62" s="19">
        <v>81169</v>
      </c>
      <c r="E62" s="19">
        <v>78013</v>
      </c>
      <c r="F62" s="19"/>
      <c r="G62" s="18" t="s">
        <v>122</v>
      </c>
      <c r="H62" s="17"/>
      <c r="I62" s="13">
        <v>4852</v>
      </c>
      <c r="J62" s="19">
        <v>934</v>
      </c>
      <c r="K62" s="19">
        <v>3918</v>
      </c>
    </row>
    <row r="63" spans="1:11" ht="15" customHeight="1">
      <c r="A63" s="17" t="s">
        <v>123</v>
      </c>
      <c r="B63" s="17"/>
      <c r="C63" s="13">
        <v>157681</v>
      </c>
      <c r="D63" s="19">
        <v>80027</v>
      </c>
      <c r="E63" s="19">
        <v>77654</v>
      </c>
      <c r="F63" s="19"/>
      <c r="G63" s="18" t="s">
        <v>124</v>
      </c>
      <c r="H63" s="17"/>
      <c r="I63" s="13">
        <v>3529</v>
      </c>
      <c r="J63" s="19">
        <v>600</v>
      </c>
      <c r="K63" s="19">
        <v>2929</v>
      </c>
    </row>
    <row r="64" spans="1:11" ht="15" customHeight="1">
      <c r="A64" s="17" t="s">
        <v>125</v>
      </c>
      <c r="B64" s="17"/>
      <c r="C64" s="13">
        <v>156518</v>
      </c>
      <c r="D64" s="19">
        <v>79414</v>
      </c>
      <c r="E64" s="19">
        <v>77104</v>
      </c>
      <c r="F64" s="19"/>
      <c r="G64" s="18" t="s">
        <v>126</v>
      </c>
      <c r="H64" s="17"/>
      <c r="I64" s="13">
        <v>2599</v>
      </c>
      <c r="J64" s="19">
        <v>364</v>
      </c>
      <c r="K64" s="19">
        <v>223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4400</v>
      </c>
      <c r="J65" s="19">
        <v>597</v>
      </c>
      <c r="K65" s="19">
        <v>380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14077</v>
      </c>
      <c r="J66" s="29">
        <v>115565</v>
      </c>
      <c r="K66" s="29">
        <v>98512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 r:id="rId1"/>
  <headerFooter scaleWithDoc="0"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98596</v>
      </c>
      <c r="D4" s="14">
        <v>96824</v>
      </c>
      <c r="E4" s="14">
        <v>10177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971</v>
      </c>
      <c r="D5" s="14">
        <v>3062</v>
      </c>
      <c r="E5" s="14">
        <v>2909</v>
      </c>
      <c r="F5" s="14"/>
      <c r="G5" s="18" t="s">
        <v>8</v>
      </c>
      <c r="H5" s="17"/>
      <c r="I5" s="13">
        <v>14461</v>
      </c>
      <c r="J5" s="14">
        <v>7158</v>
      </c>
      <c r="K5" s="14">
        <v>7303</v>
      </c>
    </row>
    <row r="6" spans="1:11" ht="15" customHeight="1">
      <c r="A6" s="17" t="s">
        <v>9</v>
      </c>
      <c r="B6" s="17"/>
      <c r="C6" s="13">
        <v>1062</v>
      </c>
      <c r="D6" s="19">
        <v>565</v>
      </c>
      <c r="E6" s="19">
        <v>497</v>
      </c>
      <c r="F6" s="19"/>
      <c r="G6" s="18" t="s">
        <v>10</v>
      </c>
      <c r="H6" s="17"/>
      <c r="I6" s="13">
        <v>3087</v>
      </c>
      <c r="J6" s="19">
        <v>1507</v>
      </c>
      <c r="K6" s="19">
        <v>1580</v>
      </c>
    </row>
    <row r="7" spans="1:11" ht="15" customHeight="1">
      <c r="A7" s="17" t="s">
        <v>11</v>
      </c>
      <c r="B7" s="17"/>
      <c r="C7" s="13">
        <v>1139</v>
      </c>
      <c r="D7" s="19">
        <v>594</v>
      </c>
      <c r="E7" s="19">
        <v>545</v>
      </c>
      <c r="F7" s="19"/>
      <c r="G7" s="18" t="s">
        <v>12</v>
      </c>
      <c r="H7" s="17"/>
      <c r="I7" s="13">
        <v>3047</v>
      </c>
      <c r="J7" s="19">
        <v>1552</v>
      </c>
      <c r="K7" s="19">
        <v>1495</v>
      </c>
    </row>
    <row r="8" spans="1:11" ht="15" customHeight="1">
      <c r="A8" s="17" t="s">
        <v>13</v>
      </c>
      <c r="B8" s="17"/>
      <c r="C8" s="13">
        <v>1204</v>
      </c>
      <c r="D8" s="19">
        <v>603</v>
      </c>
      <c r="E8" s="19">
        <v>601</v>
      </c>
      <c r="F8" s="19"/>
      <c r="G8" s="18" t="s">
        <v>14</v>
      </c>
      <c r="H8" s="17"/>
      <c r="I8" s="13">
        <v>2978</v>
      </c>
      <c r="J8" s="19">
        <v>1472</v>
      </c>
      <c r="K8" s="19">
        <v>1506</v>
      </c>
    </row>
    <row r="9" spans="1:11" ht="15" customHeight="1">
      <c r="A9" s="17" t="s">
        <v>15</v>
      </c>
      <c r="B9" s="17"/>
      <c r="C9" s="13">
        <v>1274</v>
      </c>
      <c r="D9" s="19">
        <v>645</v>
      </c>
      <c r="E9" s="19">
        <v>629</v>
      </c>
      <c r="F9" s="19"/>
      <c r="G9" s="18" t="s">
        <v>16</v>
      </c>
      <c r="H9" s="17"/>
      <c r="I9" s="13">
        <v>3092</v>
      </c>
      <c r="J9" s="19">
        <v>1509</v>
      </c>
      <c r="K9" s="19">
        <v>1583</v>
      </c>
    </row>
    <row r="10" spans="1:11" ht="15" customHeight="1">
      <c r="A10" s="17" t="s">
        <v>17</v>
      </c>
      <c r="B10" s="17"/>
      <c r="C10" s="13">
        <v>1292</v>
      </c>
      <c r="D10" s="19">
        <v>655</v>
      </c>
      <c r="E10" s="19">
        <v>637</v>
      </c>
      <c r="F10" s="19"/>
      <c r="G10" s="18" t="s">
        <v>18</v>
      </c>
      <c r="H10" s="17"/>
      <c r="I10" s="13">
        <v>2257</v>
      </c>
      <c r="J10" s="19">
        <v>1118</v>
      </c>
      <c r="K10" s="19">
        <v>1139</v>
      </c>
    </row>
    <row r="11" spans="1:11" ht="20.100000000000001" customHeight="1">
      <c r="A11" s="17" t="s">
        <v>19</v>
      </c>
      <c r="B11" s="17"/>
      <c r="C11" s="13">
        <v>7218</v>
      </c>
      <c r="D11" s="14">
        <v>3688</v>
      </c>
      <c r="E11" s="14">
        <v>3530</v>
      </c>
      <c r="F11" s="14"/>
      <c r="G11" s="18" t="s">
        <v>20</v>
      </c>
      <c r="H11" s="17"/>
      <c r="I11" s="13">
        <v>13176</v>
      </c>
      <c r="J11" s="14">
        <v>6528</v>
      </c>
      <c r="K11" s="14">
        <v>6648</v>
      </c>
    </row>
    <row r="12" spans="1:11" ht="15" customHeight="1">
      <c r="A12" s="17" t="s">
        <v>21</v>
      </c>
      <c r="B12" s="17"/>
      <c r="C12" s="13">
        <v>1417</v>
      </c>
      <c r="D12" s="19">
        <v>740</v>
      </c>
      <c r="E12" s="19">
        <v>677</v>
      </c>
      <c r="F12" s="19"/>
      <c r="G12" s="18" t="s">
        <v>22</v>
      </c>
      <c r="H12" s="17"/>
      <c r="I12" s="13">
        <v>2947</v>
      </c>
      <c r="J12" s="19">
        <v>1489</v>
      </c>
      <c r="K12" s="19">
        <v>1458</v>
      </c>
    </row>
    <row r="13" spans="1:11" ht="15" customHeight="1">
      <c r="A13" s="17" t="s">
        <v>23</v>
      </c>
      <c r="B13" s="17"/>
      <c r="C13" s="13">
        <v>1440</v>
      </c>
      <c r="D13" s="19">
        <v>749</v>
      </c>
      <c r="E13" s="19">
        <v>691</v>
      </c>
      <c r="F13" s="19"/>
      <c r="G13" s="18" t="s">
        <v>24</v>
      </c>
      <c r="H13" s="17"/>
      <c r="I13" s="13">
        <v>2685</v>
      </c>
      <c r="J13" s="19">
        <v>1301</v>
      </c>
      <c r="K13" s="19">
        <v>1384</v>
      </c>
    </row>
    <row r="14" spans="1:11" ht="15" customHeight="1">
      <c r="A14" s="17" t="s">
        <v>25</v>
      </c>
      <c r="B14" s="17"/>
      <c r="C14" s="13">
        <v>1392</v>
      </c>
      <c r="D14" s="19">
        <v>704</v>
      </c>
      <c r="E14" s="19">
        <v>688</v>
      </c>
      <c r="F14" s="19"/>
      <c r="G14" s="18" t="s">
        <v>26</v>
      </c>
      <c r="H14" s="17"/>
      <c r="I14" s="13">
        <v>2553</v>
      </c>
      <c r="J14" s="19">
        <v>1262</v>
      </c>
      <c r="K14" s="19">
        <v>1291</v>
      </c>
    </row>
    <row r="15" spans="1:11" ht="15" customHeight="1">
      <c r="A15" s="17" t="s">
        <v>27</v>
      </c>
      <c r="B15" s="17"/>
      <c r="C15" s="13">
        <v>1420</v>
      </c>
      <c r="D15" s="19">
        <v>710</v>
      </c>
      <c r="E15" s="19">
        <v>710</v>
      </c>
      <c r="F15" s="19"/>
      <c r="G15" s="18" t="s">
        <v>28</v>
      </c>
      <c r="H15" s="17"/>
      <c r="I15" s="13">
        <v>2568</v>
      </c>
      <c r="J15" s="19">
        <v>1253</v>
      </c>
      <c r="K15" s="19">
        <v>1315</v>
      </c>
    </row>
    <row r="16" spans="1:11" ht="15" customHeight="1">
      <c r="A16" s="17" t="s">
        <v>29</v>
      </c>
      <c r="B16" s="17"/>
      <c r="C16" s="13">
        <v>1549</v>
      </c>
      <c r="D16" s="19">
        <v>785</v>
      </c>
      <c r="E16" s="19">
        <v>764</v>
      </c>
      <c r="F16" s="19"/>
      <c r="G16" s="18" t="s">
        <v>30</v>
      </c>
      <c r="H16" s="17"/>
      <c r="I16" s="13">
        <v>2423</v>
      </c>
      <c r="J16" s="19">
        <v>1223</v>
      </c>
      <c r="K16" s="19">
        <v>1200</v>
      </c>
    </row>
    <row r="17" spans="1:11" ht="20.100000000000001" customHeight="1">
      <c r="A17" s="20" t="s">
        <v>31</v>
      </c>
      <c r="B17" s="20"/>
      <c r="C17" s="13">
        <v>8289</v>
      </c>
      <c r="D17" s="14">
        <v>4223</v>
      </c>
      <c r="E17" s="14">
        <v>4066</v>
      </c>
      <c r="F17" s="14"/>
      <c r="G17" s="18" t="s">
        <v>32</v>
      </c>
      <c r="H17" s="17"/>
      <c r="I17" s="13">
        <v>11541</v>
      </c>
      <c r="J17" s="14">
        <v>5628</v>
      </c>
      <c r="K17" s="14">
        <v>5913</v>
      </c>
    </row>
    <row r="18" spans="1:11" ht="15" customHeight="1">
      <c r="A18" s="17" t="s">
        <v>33</v>
      </c>
      <c r="B18" s="17"/>
      <c r="C18" s="13">
        <v>1548</v>
      </c>
      <c r="D18" s="19">
        <v>769</v>
      </c>
      <c r="E18" s="19">
        <v>779</v>
      </c>
      <c r="F18" s="19"/>
      <c r="G18" s="18" t="s">
        <v>34</v>
      </c>
      <c r="H18" s="17"/>
      <c r="I18" s="13">
        <v>2373</v>
      </c>
      <c r="J18" s="19">
        <v>1145</v>
      </c>
      <c r="K18" s="19">
        <v>1228</v>
      </c>
    </row>
    <row r="19" spans="1:11" ht="15" customHeight="1">
      <c r="A19" s="17" t="s">
        <v>35</v>
      </c>
      <c r="B19" s="17"/>
      <c r="C19" s="13">
        <v>1598</v>
      </c>
      <c r="D19" s="19">
        <v>825</v>
      </c>
      <c r="E19" s="19">
        <v>773</v>
      </c>
      <c r="F19" s="19"/>
      <c r="G19" s="18" t="s">
        <v>36</v>
      </c>
      <c r="H19" s="17"/>
      <c r="I19" s="13">
        <v>2348</v>
      </c>
      <c r="J19" s="19">
        <v>1190</v>
      </c>
      <c r="K19" s="19">
        <v>1158</v>
      </c>
    </row>
    <row r="20" spans="1:11" ht="15" customHeight="1">
      <c r="A20" s="17" t="s">
        <v>37</v>
      </c>
      <c r="B20" s="17"/>
      <c r="C20" s="13">
        <v>1710</v>
      </c>
      <c r="D20" s="19">
        <v>885</v>
      </c>
      <c r="E20" s="19">
        <v>825</v>
      </c>
      <c r="F20" s="19"/>
      <c r="G20" s="18" t="s">
        <v>38</v>
      </c>
      <c r="H20" s="17"/>
      <c r="I20" s="13">
        <v>2293</v>
      </c>
      <c r="J20" s="19">
        <v>1097</v>
      </c>
      <c r="K20" s="19">
        <v>1196</v>
      </c>
    </row>
    <row r="21" spans="1:11" ht="15" customHeight="1">
      <c r="A21" s="17" t="s">
        <v>39</v>
      </c>
      <c r="B21" s="17"/>
      <c r="C21" s="13">
        <v>1667</v>
      </c>
      <c r="D21" s="19">
        <v>858</v>
      </c>
      <c r="E21" s="19">
        <v>809</v>
      </c>
      <c r="F21" s="19"/>
      <c r="G21" s="18" t="s">
        <v>40</v>
      </c>
      <c r="H21" s="17"/>
      <c r="I21" s="13">
        <v>2250</v>
      </c>
      <c r="J21" s="19">
        <v>1101</v>
      </c>
      <c r="K21" s="19">
        <v>1149</v>
      </c>
    </row>
    <row r="22" spans="1:11" ht="15" customHeight="1">
      <c r="A22" s="17" t="s">
        <v>41</v>
      </c>
      <c r="B22" s="17"/>
      <c r="C22" s="13">
        <v>1766</v>
      </c>
      <c r="D22" s="19">
        <v>886</v>
      </c>
      <c r="E22" s="19">
        <v>880</v>
      </c>
      <c r="F22" s="19"/>
      <c r="G22" s="18" t="s">
        <v>42</v>
      </c>
      <c r="H22" s="17"/>
      <c r="I22" s="13">
        <v>2277</v>
      </c>
      <c r="J22" s="19">
        <v>1095</v>
      </c>
      <c r="K22" s="19">
        <v>1182</v>
      </c>
    </row>
    <row r="23" spans="1:11" ht="20.100000000000001" customHeight="1">
      <c r="A23" s="17" t="s">
        <v>43</v>
      </c>
      <c r="B23" s="17"/>
      <c r="C23" s="13">
        <v>9239</v>
      </c>
      <c r="D23" s="14">
        <v>4730</v>
      </c>
      <c r="E23" s="14">
        <v>4509</v>
      </c>
      <c r="F23" s="14"/>
      <c r="G23" s="18" t="s">
        <v>44</v>
      </c>
      <c r="H23" s="17"/>
      <c r="I23" s="13">
        <v>13032</v>
      </c>
      <c r="J23" s="14">
        <v>6298</v>
      </c>
      <c r="K23" s="14">
        <v>6734</v>
      </c>
    </row>
    <row r="24" spans="1:11" ht="15" customHeight="1">
      <c r="A24" s="17" t="s">
        <v>45</v>
      </c>
      <c r="B24" s="17"/>
      <c r="C24" s="13">
        <v>1608</v>
      </c>
      <c r="D24" s="19">
        <v>801</v>
      </c>
      <c r="E24" s="19">
        <v>807</v>
      </c>
      <c r="F24" s="19"/>
      <c r="G24" s="18" t="s">
        <v>46</v>
      </c>
      <c r="H24" s="17"/>
      <c r="I24" s="13">
        <v>2468</v>
      </c>
      <c r="J24" s="19">
        <v>1169</v>
      </c>
      <c r="K24" s="19">
        <v>1299</v>
      </c>
    </row>
    <row r="25" spans="1:11" ht="15" customHeight="1">
      <c r="A25" s="17" t="s">
        <v>47</v>
      </c>
      <c r="B25" s="17"/>
      <c r="C25" s="13">
        <v>1727</v>
      </c>
      <c r="D25" s="19">
        <v>917</v>
      </c>
      <c r="E25" s="19">
        <v>810</v>
      </c>
      <c r="F25" s="19"/>
      <c r="G25" s="18" t="s">
        <v>48</v>
      </c>
      <c r="H25" s="17"/>
      <c r="I25" s="13">
        <v>2371</v>
      </c>
      <c r="J25" s="19">
        <v>1171</v>
      </c>
      <c r="K25" s="19">
        <v>1200</v>
      </c>
    </row>
    <row r="26" spans="1:11" ht="15" customHeight="1">
      <c r="A26" s="17" t="s">
        <v>49</v>
      </c>
      <c r="B26" s="17"/>
      <c r="C26" s="13">
        <v>1794</v>
      </c>
      <c r="D26" s="19">
        <v>903</v>
      </c>
      <c r="E26" s="19">
        <v>891</v>
      </c>
      <c r="F26" s="19"/>
      <c r="G26" s="18" t="s">
        <v>50</v>
      </c>
      <c r="H26" s="17"/>
      <c r="I26" s="13">
        <v>2532</v>
      </c>
      <c r="J26" s="19">
        <v>1193</v>
      </c>
      <c r="K26" s="19">
        <v>1339</v>
      </c>
    </row>
    <row r="27" spans="1:11" ht="15" customHeight="1">
      <c r="A27" s="17" t="s">
        <v>51</v>
      </c>
      <c r="B27" s="17"/>
      <c r="C27" s="13">
        <v>1929</v>
      </c>
      <c r="D27" s="19">
        <v>967</v>
      </c>
      <c r="E27" s="19">
        <v>962</v>
      </c>
      <c r="F27" s="19"/>
      <c r="G27" s="18" t="s">
        <v>52</v>
      </c>
      <c r="H27" s="17"/>
      <c r="I27" s="13">
        <v>2742</v>
      </c>
      <c r="J27" s="19">
        <v>1327</v>
      </c>
      <c r="K27" s="19">
        <v>1415</v>
      </c>
    </row>
    <row r="28" spans="1:11" ht="15" customHeight="1">
      <c r="A28" s="17" t="s">
        <v>53</v>
      </c>
      <c r="B28" s="17"/>
      <c r="C28" s="13">
        <v>2181</v>
      </c>
      <c r="D28" s="19">
        <v>1142</v>
      </c>
      <c r="E28" s="19">
        <v>1039</v>
      </c>
      <c r="F28" s="19"/>
      <c r="G28" s="18" t="s">
        <v>54</v>
      </c>
      <c r="H28" s="17"/>
      <c r="I28" s="13">
        <v>2919</v>
      </c>
      <c r="J28" s="19">
        <v>1438</v>
      </c>
      <c r="K28" s="19">
        <v>1481</v>
      </c>
    </row>
    <row r="29" spans="1:11" ht="20.100000000000001" customHeight="1">
      <c r="A29" s="17" t="s">
        <v>55</v>
      </c>
      <c r="B29" s="17"/>
      <c r="C29" s="13">
        <v>11037</v>
      </c>
      <c r="D29" s="14">
        <v>5849</v>
      </c>
      <c r="E29" s="14">
        <v>5188</v>
      </c>
      <c r="F29" s="14"/>
      <c r="G29" s="18" t="s">
        <v>56</v>
      </c>
      <c r="H29" s="17"/>
      <c r="I29" s="13">
        <v>15765</v>
      </c>
      <c r="J29" s="14">
        <v>7443</v>
      </c>
      <c r="K29" s="14">
        <v>8322</v>
      </c>
    </row>
    <row r="30" spans="1:11" ht="15" customHeight="1">
      <c r="A30" s="17" t="s">
        <v>57</v>
      </c>
      <c r="B30" s="17"/>
      <c r="C30" s="13">
        <v>2414</v>
      </c>
      <c r="D30" s="19">
        <v>1313</v>
      </c>
      <c r="E30" s="19">
        <v>1101</v>
      </c>
      <c r="F30" s="19"/>
      <c r="G30" s="18" t="s">
        <v>58</v>
      </c>
      <c r="H30" s="17"/>
      <c r="I30" s="13">
        <v>3133</v>
      </c>
      <c r="J30" s="19">
        <v>1501</v>
      </c>
      <c r="K30" s="19">
        <v>1632</v>
      </c>
    </row>
    <row r="31" spans="1:11" ht="15" customHeight="1">
      <c r="A31" s="17" t="s">
        <v>59</v>
      </c>
      <c r="B31" s="17"/>
      <c r="C31" s="13">
        <v>2444</v>
      </c>
      <c r="D31" s="19">
        <v>1331</v>
      </c>
      <c r="E31" s="19">
        <v>1113</v>
      </c>
      <c r="F31" s="19"/>
      <c r="G31" s="18" t="s">
        <v>60</v>
      </c>
      <c r="H31" s="17"/>
      <c r="I31" s="13">
        <v>3554</v>
      </c>
      <c r="J31" s="19">
        <v>1712</v>
      </c>
      <c r="K31" s="19">
        <v>1842</v>
      </c>
    </row>
    <row r="32" spans="1:11" ht="15" customHeight="1">
      <c r="A32" s="17" t="s">
        <v>61</v>
      </c>
      <c r="B32" s="17"/>
      <c r="C32" s="13">
        <v>2341</v>
      </c>
      <c r="D32" s="19">
        <v>1242</v>
      </c>
      <c r="E32" s="19">
        <v>1099</v>
      </c>
      <c r="F32" s="19"/>
      <c r="G32" s="18" t="s">
        <v>62</v>
      </c>
      <c r="H32" s="17"/>
      <c r="I32" s="13">
        <v>3422</v>
      </c>
      <c r="J32" s="19">
        <v>1612</v>
      </c>
      <c r="K32" s="19">
        <v>1810</v>
      </c>
    </row>
    <row r="33" spans="1:11" ht="15" customHeight="1">
      <c r="A33" s="17" t="s">
        <v>63</v>
      </c>
      <c r="B33" s="17"/>
      <c r="C33" s="13">
        <v>1975</v>
      </c>
      <c r="D33" s="19">
        <v>1006</v>
      </c>
      <c r="E33" s="19">
        <v>969</v>
      </c>
      <c r="F33" s="19"/>
      <c r="G33" s="18" t="s">
        <v>64</v>
      </c>
      <c r="H33" s="17"/>
      <c r="I33" s="13">
        <v>3447</v>
      </c>
      <c r="J33" s="19">
        <v>1595</v>
      </c>
      <c r="K33" s="19">
        <v>1852</v>
      </c>
    </row>
    <row r="34" spans="1:11" ht="15" customHeight="1">
      <c r="A34" s="17" t="s">
        <v>65</v>
      </c>
      <c r="B34" s="17"/>
      <c r="C34" s="13">
        <v>1863</v>
      </c>
      <c r="D34" s="19">
        <v>957</v>
      </c>
      <c r="E34" s="19">
        <v>906</v>
      </c>
      <c r="F34" s="19"/>
      <c r="G34" s="18" t="s">
        <v>66</v>
      </c>
      <c r="H34" s="17"/>
      <c r="I34" s="13">
        <v>2209</v>
      </c>
      <c r="J34" s="19">
        <v>1023</v>
      </c>
      <c r="K34" s="19">
        <v>1186</v>
      </c>
    </row>
    <row r="35" spans="1:11" ht="20.100000000000001" customHeight="1">
      <c r="A35" s="17" t="s">
        <v>67</v>
      </c>
      <c r="B35" s="17"/>
      <c r="C35" s="13">
        <v>8273</v>
      </c>
      <c r="D35" s="14">
        <v>4315</v>
      </c>
      <c r="E35" s="14">
        <v>3958</v>
      </c>
      <c r="F35" s="14"/>
      <c r="G35" s="18" t="s">
        <v>68</v>
      </c>
      <c r="H35" s="17"/>
      <c r="I35" s="13">
        <v>11990</v>
      </c>
      <c r="J35" s="14">
        <v>5520</v>
      </c>
      <c r="K35" s="14">
        <v>6470</v>
      </c>
    </row>
    <row r="36" spans="1:11" ht="15" customHeight="1">
      <c r="A36" s="17" t="s">
        <v>69</v>
      </c>
      <c r="B36" s="17"/>
      <c r="C36" s="13">
        <v>1851</v>
      </c>
      <c r="D36" s="19">
        <v>974</v>
      </c>
      <c r="E36" s="19">
        <v>877</v>
      </c>
      <c r="F36" s="19"/>
      <c r="G36" s="18" t="s">
        <v>70</v>
      </c>
      <c r="H36" s="17"/>
      <c r="I36" s="13">
        <v>2084</v>
      </c>
      <c r="J36" s="19">
        <v>1011</v>
      </c>
      <c r="K36" s="19">
        <v>1073</v>
      </c>
    </row>
    <row r="37" spans="1:11" ht="15" customHeight="1">
      <c r="A37" s="17" t="s">
        <v>71</v>
      </c>
      <c r="B37" s="17"/>
      <c r="C37" s="13">
        <v>1734</v>
      </c>
      <c r="D37" s="19">
        <v>889</v>
      </c>
      <c r="E37" s="19">
        <v>845</v>
      </c>
      <c r="F37" s="19"/>
      <c r="G37" s="18" t="s">
        <v>72</v>
      </c>
      <c r="H37" s="17"/>
      <c r="I37" s="13">
        <v>2490</v>
      </c>
      <c r="J37" s="19">
        <v>1132</v>
      </c>
      <c r="K37" s="19">
        <v>1358</v>
      </c>
    </row>
    <row r="38" spans="1:11" ht="15" customHeight="1">
      <c r="A38" s="17" t="s">
        <v>73</v>
      </c>
      <c r="B38" s="17"/>
      <c r="C38" s="13">
        <v>1600</v>
      </c>
      <c r="D38" s="19">
        <v>833</v>
      </c>
      <c r="E38" s="19">
        <v>767</v>
      </c>
      <c r="F38" s="19"/>
      <c r="G38" s="18" t="s">
        <v>74</v>
      </c>
      <c r="H38" s="17"/>
      <c r="I38" s="13">
        <v>2593</v>
      </c>
      <c r="J38" s="19">
        <v>1186</v>
      </c>
      <c r="K38" s="19">
        <v>1407</v>
      </c>
    </row>
    <row r="39" spans="1:11" ht="15" customHeight="1">
      <c r="A39" s="17" t="s">
        <v>75</v>
      </c>
      <c r="B39" s="17"/>
      <c r="C39" s="13">
        <v>1554</v>
      </c>
      <c r="D39" s="19">
        <v>808</v>
      </c>
      <c r="E39" s="19">
        <v>746</v>
      </c>
      <c r="F39" s="19"/>
      <c r="G39" s="18" t="s">
        <v>76</v>
      </c>
      <c r="H39" s="17"/>
      <c r="I39" s="13">
        <v>2436</v>
      </c>
      <c r="J39" s="19">
        <v>1152</v>
      </c>
      <c r="K39" s="19">
        <v>1284</v>
      </c>
    </row>
    <row r="40" spans="1:11" ht="15" customHeight="1">
      <c r="A40" s="17" t="s">
        <v>77</v>
      </c>
      <c r="B40" s="17"/>
      <c r="C40" s="13">
        <v>1534</v>
      </c>
      <c r="D40" s="19">
        <v>811</v>
      </c>
      <c r="E40" s="19">
        <v>723</v>
      </c>
      <c r="F40" s="19"/>
      <c r="G40" s="18" t="s">
        <v>78</v>
      </c>
      <c r="H40" s="17"/>
      <c r="I40" s="13">
        <v>2387</v>
      </c>
      <c r="J40" s="19">
        <v>1039</v>
      </c>
      <c r="K40" s="19">
        <v>1348</v>
      </c>
    </row>
    <row r="41" spans="1:11" ht="20.100000000000001" customHeight="1">
      <c r="A41" s="17" t="s">
        <v>79</v>
      </c>
      <c r="B41" s="17"/>
      <c r="C41" s="13">
        <v>8381</v>
      </c>
      <c r="D41" s="14">
        <v>4372</v>
      </c>
      <c r="E41" s="14">
        <v>4009</v>
      </c>
      <c r="F41" s="14"/>
      <c r="G41" s="18" t="s">
        <v>80</v>
      </c>
      <c r="H41" s="17"/>
      <c r="I41" s="13">
        <v>8836</v>
      </c>
      <c r="J41" s="14">
        <v>3885</v>
      </c>
      <c r="K41" s="14">
        <v>4951</v>
      </c>
    </row>
    <row r="42" spans="1:11" ht="15" customHeight="1">
      <c r="A42" s="17" t="s">
        <v>81</v>
      </c>
      <c r="B42" s="17"/>
      <c r="C42" s="13">
        <v>1550</v>
      </c>
      <c r="D42" s="19">
        <v>825</v>
      </c>
      <c r="E42" s="19">
        <v>725</v>
      </c>
      <c r="F42" s="19"/>
      <c r="G42" s="18" t="s">
        <v>82</v>
      </c>
      <c r="H42" s="17"/>
      <c r="I42" s="13">
        <v>2079</v>
      </c>
      <c r="J42" s="19">
        <v>886</v>
      </c>
      <c r="K42" s="19">
        <v>1193</v>
      </c>
    </row>
    <row r="43" spans="1:11" ht="15" customHeight="1">
      <c r="A43" s="17" t="s">
        <v>83</v>
      </c>
      <c r="B43" s="17"/>
      <c r="C43" s="13">
        <v>1553</v>
      </c>
      <c r="D43" s="19">
        <v>776</v>
      </c>
      <c r="E43" s="19">
        <v>777</v>
      </c>
      <c r="F43" s="19"/>
      <c r="G43" s="18" t="s">
        <v>84</v>
      </c>
      <c r="H43" s="17"/>
      <c r="I43" s="13">
        <v>1804</v>
      </c>
      <c r="J43" s="19">
        <v>829</v>
      </c>
      <c r="K43" s="19">
        <v>975</v>
      </c>
    </row>
    <row r="44" spans="1:11" ht="15" customHeight="1">
      <c r="A44" s="17" t="s">
        <v>85</v>
      </c>
      <c r="B44" s="17"/>
      <c r="C44" s="13">
        <v>1753</v>
      </c>
      <c r="D44" s="19">
        <v>922</v>
      </c>
      <c r="E44" s="19">
        <v>831</v>
      </c>
      <c r="F44" s="19"/>
      <c r="G44" s="18" t="s">
        <v>86</v>
      </c>
      <c r="H44" s="17"/>
      <c r="I44" s="13">
        <v>1625</v>
      </c>
      <c r="J44" s="19">
        <v>726</v>
      </c>
      <c r="K44" s="19">
        <v>899</v>
      </c>
    </row>
    <row r="45" spans="1:11" ht="15" customHeight="1">
      <c r="A45" s="17" t="s">
        <v>87</v>
      </c>
      <c r="B45" s="17"/>
      <c r="C45" s="13">
        <v>1767</v>
      </c>
      <c r="D45" s="19">
        <v>930</v>
      </c>
      <c r="E45" s="19">
        <v>837</v>
      </c>
      <c r="F45" s="19"/>
      <c r="G45" s="18" t="s">
        <v>88</v>
      </c>
      <c r="H45" s="17"/>
      <c r="I45" s="13">
        <v>1735</v>
      </c>
      <c r="J45" s="19">
        <v>737</v>
      </c>
      <c r="K45" s="19">
        <v>998</v>
      </c>
    </row>
    <row r="46" spans="1:11" ht="15" customHeight="1">
      <c r="A46" s="17" t="s">
        <v>89</v>
      </c>
      <c r="B46" s="17"/>
      <c r="C46" s="13">
        <v>1758</v>
      </c>
      <c r="D46" s="19">
        <v>919</v>
      </c>
      <c r="E46" s="19">
        <v>839</v>
      </c>
      <c r="F46" s="19"/>
      <c r="G46" s="18" t="s">
        <v>90</v>
      </c>
      <c r="H46" s="17"/>
      <c r="I46" s="13">
        <v>1593</v>
      </c>
      <c r="J46" s="19">
        <v>707</v>
      </c>
      <c r="K46" s="19">
        <v>886</v>
      </c>
    </row>
    <row r="47" spans="1:11" ht="20.100000000000001" customHeight="1">
      <c r="A47" s="17" t="s">
        <v>91</v>
      </c>
      <c r="B47" s="17"/>
      <c r="C47" s="13">
        <v>10123</v>
      </c>
      <c r="D47" s="14">
        <v>5129</v>
      </c>
      <c r="E47" s="14">
        <v>4994</v>
      </c>
      <c r="F47" s="14"/>
      <c r="G47" s="18" t="s">
        <v>92</v>
      </c>
      <c r="H47" s="17"/>
      <c r="I47" s="13">
        <v>5793</v>
      </c>
      <c r="J47" s="14">
        <v>2242</v>
      </c>
      <c r="K47" s="14">
        <v>3551</v>
      </c>
    </row>
    <row r="48" spans="1:11" ht="15" customHeight="1">
      <c r="A48" s="17" t="s">
        <v>93</v>
      </c>
      <c r="B48" s="17"/>
      <c r="C48" s="13">
        <v>1809</v>
      </c>
      <c r="D48" s="19">
        <v>919</v>
      </c>
      <c r="E48" s="19">
        <v>890</v>
      </c>
      <c r="F48" s="19"/>
      <c r="G48" s="18" t="s">
        <v>94</v>
      </c>
      <c r="H48" s="17"/>
      <c r="I48" s="13">
        <v>1520</v>
      </c>
      <c r="J48" s="19">
        <v>636</v>
      </c>
      <c r="K48" s="19">
        <v>884</v>
      </c>
    </row>
    <row r="49" spans="1:11" ht="15" customHeight="1">
      <c r="A49" s="17" t="s">
        <v>95</v>
      </c>
      <c r="B49" s="17"/>
      <c r="C49" s="13">
        <v>1992</v>
      </c>
      <c r="D49" s="19">
        <v>985</v>
      </c>
      <c r="E49" s="19">
        <v>1007</v>
      </c>
      <c r="F49" s="19"/>
      <c r="G49" s="18" t="s">
        <v>96</v>
      </c>
      <c r="H49" s="17"/>
      <c r="I49" s="13">
        <v>1231</v>
      </c>
      <c r="J49" s="19">
        <v>483</v>
      </c>
      <c r="K49" s="19">
        <v>748</v>
      </c>
    </row>
    <row r="50" spans="1:11" ht="15" customHeight="1">
      <c r="A50" s="17" t="s">
        <v>97</v>
      </c>
      <c r="B50" s="17"/>
      <c r="C50" s="13">
        <v>2085</v>
      </c>
      <c r="D50" s="19">
        <v>1029</v>
      </c>
      <c r="E50" s="19">
        <v>1056</v>
      </c>
      <c r="F50" s="19"/>
      <c r="G50" s="18" t="s">
        <v>98</v>
      </c>
      <c r="H50" s="17"/>
      <c r="I50" s="13">
        <v>1203</v>
      </c>
      <c r="J50" s="19">
        <v>478</v>
      </c>
      <c r="K50" s="19">
        <v>725</v>
      </c>
    </row>
    <row r="51" spans="1:11" ht="15" customHeight="1">
      <c r="A51" s="17" t="s">
        <v>99</v>
      </c>
      <c r="B51" s="17"/>
      <c r="C51" s="13">
        <v>2042</v>
      </c>
      <c r="D51" s="19">
        <v>1058</v>
      </c>
      <c r="E51" s="19">
        <v>984</v>
      </c>
      <c r="F51" s="19"/>
      <c r="G51" s="18" t="s">
        <v>100</v>
      </c>
      <c r="H51" s="17"/>
      <c r="I51" s="13">
        <v>971</v>
      </c>
      <c r="J51" s="19">
        <v>344</v>
      </c>
      <c r="K51" s="19">
        <v>627</v>
      </c>
    </row>
    <row r="52" spans="1:11" ht="15" customHeight="1">
      <c r="A52" s="17" t="s">
        <v>101</v>
      </c>
      <c r="B52" s="17"/>
      <c r="C52" s="13">
        <v>2195</v>
      </c>
      <c r="D52" s="19">
        <v>1138</v>
      </c>
      <c r="E52" s="19">
        <v>1057</v>
      </c>
      <c r="F52" s="19"/>
      <c r="G52" s="18" t="s">
        <v>102</v>
      </c>
      <c r="H52" s="17"/>
      <c r="I52" s="13">
        <v>868</v>
      </c>
      <c r="J52" s="19">
        <v>301</v>
      </c>
      <c r="K52" s="19">
        <v>567</v>
      </c>
    </row>
    <row r="53" spans="1:11" ht="20.100000000000001" customHeight="1">
      <c r="A53" s="17" t="s">
        <v>103</v>
      </c>
      <c r="B53" s="17"/>
      <c r="C53" s="13">
        <v>12177</v>
      </c>
      <c r="D53" s="14">
        <v>6077</v>
      </c>
      <c r="E53" s="14">
        <v>6100</v>
      </c>
      <c r="F53" s="14"/>
      <c r="G53" s="18" t="s">
        <v>104</v>
      </c>
      <c r="H53" s="17"/>
      <c r="I53" s="13">
        <v>2527</v>
      </c>
      <c r="J53" s="14">
        <v>785</v>
      </c>
      <c r="K53" s="14">
        <v>1742</v>
      </c>
    </row>
    <row r="54" spans="1:11" ht="15" customHeight="1">
      <c r="A54" s="17" t="s">
        <v>105</v>
      </c>
      <c r="B54" s="17"/>
      <c r="C54" s="13">
        <v>2272</v>
      </c>
      <c r="D54" s="19">
        <v>1092</v>
      </c>
      <c r="E54" s="19">
        <v>1180</v>
      </c>
      <c r="F54" s="19"/>
      <c r="G54" s="18" t="s">
        <v>106</v>
      </c>
      <c r="H54" s="17"/>
      <c r="I54" s="13">
        <v>700</v>
      </c>
      <c r="J54" s="19">
        <v>232</v>
      </c>
      <c r="K54" s="19">
        <v>468</v>
      </c>
    </row>
    <row r="55" spans="1:11" ht="15" customHeight="1">
      <c r="A55" s="17" t="s">
        <v>107</v>
      </c>
      <c r="B55" s="17"/>
      <c r="C55" s="13">
        <v>2314</v>
      </c>
      <c r="D55" s="19">
        <v>1186</v>
      </c>
      <c r="E55" s="19">
        <v>1128</v>
      </c>
      <c r="F55" s="19"/>
      <c r="G55" s="18" t="s">
        <v>108</v>
      </c>
      <c r="H55" s="17"/>
      <c r="I55" s="13">
        <v>625</v>
      </c>
      <c r="J55" s="19">
        <v>198</v>
      </c>
      <c r="K55" s="19">
        <v>427</v>
      </c>
    </row>
    <row r="56" spans="1:11" ht="15" customHeight="1">
      <c r="A56" s="17" t="s">
        <v>109</v>
      </c>
      <c r="B56" s="17"/>
      <c r="C56" s="13">
        <v>2378</v>
      </c>
      <c r="D56" s="19">
        <v>1201</v>
      </c>
      <c r="E56" s="19">
        <v>1177</v>
      </c>
      <c r="F56" s="19"/>
      <c r="G56" s="18" t="s">
        <v>110</v>
      </c>
      <c r="H56" s="17"/>
      <c r="I56" s="13">
        <v>526</v>
      </c>
      <c r="J56" s="19">
        <v>169</v>
      </c>
      <c r="K56" s="19">
        <v>357</v>
      </c>
    </row>
    <row r="57" spans="1:11" ht="15" customHeight="1">
      <c r="A57" s="17" t="s">
        <v>111</v>
      </c>
      <c r="B57" s="17"/>
      <c r="C57" s="13">
        <v>2585</v>
      </c>
      <c r="D57" s="19">
        <v>1282</v>
      </c>
      <c r="E57" s="19">
        <v>1303</v>
      </c>
      <c r="F57" s="19"/>
      <c r="G57" s="18" t="s">
        <v>112</v>
      </c>
      <c r="H57" s="17"/>
      <c r="I57" s="13">
        <v>359</v>
      </c>
      <c r="J57" s="19">
        <v>104</v>
      </c>
      <c r="K57" s="19">
        <v>255</v>
      </c>
    </row>
    <row r="58" spans="1:11" ht="15" customHeight="1">
      <c r="A58" s="17" t="s">
        <v>113</v>
      </c>
      <c r="B58" s="17"/>
      <c r="C58" s="13">
        <v>2628</v>
      </c>
      <c r="D58" s="19">
        <v>1316</v>
      </c>
      <c r="E58" s="19">
        <v>1312</v>
      </c>
      <c r="F58" s="19"/>
      <c r="G58" s="18" t="s">
        <v>114</v>
      </c>
      <c r="H58" s="17"/>
      <c r="I58" s="13">
        <v>317</v>
      </c>
      <c r="J58" s="19">
        <v>82</v>
      </c>
      <c r="K58" s="19">
        <v>235</v>
      </c>
    </row>
    <row r="59" spans="1:11" ht="20.100000000000001" customHeight="1">
      <c r="A59" s="17" t="s">
        <v>115</v>
      </c>
      <c r="B59" s="17"/>
      <c r="C59" s="13">
        <v>15491</v>
      </c>
      <c r="D59" s="14">
        <v>7749</v>
      </c>
      <c r="E59" s="14">
        <v>7742</v>
      </c>
      <c r="F59" s="14"/>
      <c r="G59" s="18" t="s">
        <v>116</v>
      </c>
      <c r="H59" s="17"/>
      <c r="I59" s="13">
        <v>710</v>
      </c>
      <c r="J59" s="14">
        <v>145</v>
      </c>
      <c r="K59" s="14">
        <v>565</v>
      </c>
    </row>
    <row r="60" spans="1:11" ht="15" customHeight="1">
      <c r="A60" s="17" t="s">
        <v>117</v>
      </c>
      <c r="B60" s="17"/>
      <c r="C60" s="13">
        <v>2807</v>
      </c>
      <c r="D60" s="19">
        <v>1394</v>
      </c>
      <c r="E60" s="19">
        <v>1413</v>
      </c>
      <c r="F60" s="19"/>
      <c r="G60" s="18" t="s">
        <v>118</v>
      </c>
      <c r="H60" s="17"/>
      <c r="I60" s="13">
        <v>277</v>
      </c>
      <c r="J60" s="19">
        <v>70</v>
      </c>
      <c r="K60" s="19">
        <v>207</v>
      </c>
    </row>
    <row r="61" spans="1:11" ht="15" customHeight="1">
      <c r="A61" s="17" t="s">
        <v>119</v>
      </c>
      <c r="B61" s="17"/>
      <c r="C61" s="13">
        <v>3027</v>
      </c>
      <c r="D61" s="19">
        <v>1520</v>
      </c>
      <c r="E61" s="19">
        <v>1507</v>
      </c>
      <c r="F61" s="19"/>
      <c r="G61" s="18" t="s">
        <v>120</v>
      </c>
      <c r="H61" s="17"/>
      <c r="I61" s="13">
        <v>171</v>
      </c>
      <c r="J61" s="19">
        <v>33</v>
      </c>
      <c r="K61" s="19">
        <v>138</v>
      </c>
    </row>
    <row r="62" spans="1:11" ht="15" customHeight="1">
      <c r="A62" s="17" t="s">
        <v>121</v>
      </c>
      <c r="B62" s="17"/>
      <c r="C62" s="13">
        <v>3191</v>
      </c>
      <c r="D62" s="19">
        <v>1624</v>
      </c>
      <c r="E62" s="19">
        <v>1567</v>
      </c>
      <c r="F62" s="19"/>
      <c r="G62" s="18" t="s">
        <v>122</v>
      </c>
      <c r="H62" s="17"/>
      <c r="I62" s="13">
        <v>119</v>
      </c>
      <c r="J62" s="19">
        <v>23</v>
      </c>
      <c r="K62" s="19">
        <v>96</v>
      </c>
    </row>
    <row r="63" spans="1:11" ht="15" customHeight="1">
      <c r="A63" s="17" t="s">
        <v>123</v>
      </c>
      <c r="B63" s="17"/>
      <c r="C63" s="13">
        <v>3217</v>
      </c>
      <c r="D63" s="19">
        <v>1612</v>
      </c>
      <c r="E63" s="19">
        <v>1605</v>
      </c>
      <c r="F63" s="19"/>
      <c r="G63" s="18" t="s">
        <v>124</v>
      </c>
      <c r="H63" s="17"/>
      <c r="I63" s="13">
        <v>76</v>
      </c>
      <c r="J63" s="19">
        <v>11</v>
      </c>
      <c r="K63" s="19">
        <v>65</v>
      </c>
    </row>
    <row r="64" spans="1:11" ht="15" customHeight="1">
      <c r="A64" s="17" t="s">
        <v>125</v>
      </c>
      <c r="B64" s="17"/>
      <c r="C64" s="13">
        <v>3249</v>
      </c>
      <c r="D64" s="19">
        <v>1599</v>
      </c>
      <c r="E64" s="19">
        <v>1650</v>
      </c>
      <c r="F64" s="19"/>
      <c r="G64" s="18" t="s">
        <v>126</v>
      </c>
      <c r="H64" s="17"/>
      <c r="I64" s="13">
        <v>67</v>
      </c>
      <c r="J64" s="19">
        <v>8</v>
      </c>
      <c r="K64" s="19">
        <v>5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03</v>
      </c>
      <c r="J65" s="19">
        <v>7</v>
      </c>
      <c r="K65" s="19">
        <v>9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463</v>
      </c>
      <c r="J66" s="29">
        <v>1991</v>
      </c>
      <c r="K66" s="29">
        <v>247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58527</v>
      </c>
      <c r="D4" s="14">
        <v>179085</v>
      </c>
      <c r="E4" s="14">
        <v>17944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4970</v>
      </c>
      <c r="D5" s="14">
        <v>7762</v>
      </c>
      <c r="E5" s="14">
        <v>7208</v>
      </c>
      <c r="F5" s="14"/>
      <c r="G5" s="18" t="s">
        <v>8</v>
      </c>
      <c r="H5" s="17"/>
      <c r="I5" s="13">
        <v>27923</v>
      </c>
      <c r="J5" s="14">
        <v>14340</v>
      </c>
      <c r="K5" s="14">
        <v>13583</v>
      </c>
    </row>
    <row r="6" spans="1:11" ht="15" customHeight="1">
      <c r="A6" s="17" t="s">
        <v>9</v>
      </c>
      <c r="B6" s="17"/>
      <c r="C6" s="13">
        <v>3001</v>
      </c>
      <c r="D6" s="19">
        <v>1535</v>
      </c>
      <c r="E6" s="19">
        <v>1466</v>
      </c>
      <c r="F6" s="19"/>
      <c r="G6" s="18" t="s">
        <v>10</v>
      </c>
      <c r="H6" s="17"/>
      <c r="I6" s="13">
        <v>6042</v>
      </c>
      <c r="J6" s="19">
        <v>3054</v>
      </c>
      <c r="K6" s="19">
        <v>2988</v>
      </c>
    </row>
    <row r="7" spans="1:11" ht="15" customHeight="1">
      <c r="A7" s="17" t="s">
        <v>11</v>
      </c>
      <c r="B7" s="17"/>
      <c r="C7" s="13">
        <v>2928</v>
      </c>
      <c r="D7" s="19">
        <v>1512</v>
      </c>
      <c r="E7" s="19">
        <v>1416</v>
      </c>
      <c r="F7" s="19"/>
      <c r="G7" s="18" t="s">
        <v>12</v>
      </c>
      <c r="H7" s="17"/>
      <c r="I7" s="13">
        <v>5842</v>
      </c>
      <c r="J7" s="19">
        <v>3013</v>
      </c>
      <c r="K7" s="19">
        <v>2829</v>
      </c>
    </row>
    <row r="8" spans="1:11" ht="15" customHeight="1">
      <c r="A8" s="17" t="s">
        <v>13</v>
      </c>
      <c r="B8" s="17"/>
      <c r="C8" s="13">
        <v>3098</v>
      </c>
      <c r="D8" s="19">
        <v>1630</v>
      </c>
      <c r="E8" s="19">
        <v>1468</v>
      </c>
      <c r="F8" s="19"/>
      <c r="G8" s="18" t="s">
        <v>14</v>
      </c>
      <c r="H8" s="17"/>
      <c r="I8" s="13">
        <v>5828</v>
      </c>
      <c r="J8" s="19">
        <v>2972</v>
      </c>
      <c r="K8" s="19">
        <v>2856</v>
      </c>
    </row>
    <row r="9" spans="1:11" ht="15" customHeight="1">
      <c r="A9" s="17" t="s">
        <v>15</v>
      </c>
      <c r="B9" s="17"/>
      <c r="C9" s="13">
        <v>2931</v>
      </c>
      <c r="D9" s="19">
        <v>1547</v>
      </c>
      <c r="E9" s="19">
        <v>1384</v>
      </c>
      <c r="F9" s="19"/>
      <c r="G9" s="18" t="s">
        <v>16</v>
      </c>
      <c r="H9" s="17"/>
      <c r="I9" s="13">
        <v>6020</v>
      </c>
      <c r="J9" s="19">
        <v>3152</v>
      </c>
      <c r="K9" s="19">
        <v>2868</v>
      </c>
    </row>
    <row r="10" spans="1:11" ht="15" customHeight="1">
      <c r="A10" s="17" t="s">
        <v>17</v>
      </c>
      <c r="B10" s="17"/>
      <c r="C10" s="13">
        <v>3012</v>
      </c>
      <c r="D10" s="19">
        <v>1538</v>
      </c>
      <c r="E10" s="19">
        <v>1474</v>
      </c>
      <c r="F10" s="19"/>
      <c r="G10" s="18" t="s">
        <v>18</v>
      </c>
      <c r="H10" s="17"/>
      <c r="I10" s="13">
        <v>4191</v>
      </c>
      <c r="J10" s="19">
        <v>2149</v>
      </c>
      <c r="K10" s="19">
        <v>2042</v>
      </c>
    </row>
    <row r="11" spans="1:11" ht="20.100000000000001" customHeight="1">
      <c r="A11" s="17" t="s">
        <v>19</v>
      </c>
      <c r="B11" s="17"/>
      <c r="C11" s="13">
        <v>14751</v>
      </c>
      <c r="D11" s="14">
        <v>7587</v>
      </c>
      <c r="E11" s="14">
        <v>7164</v>
      </c>
      <c r="F11" s="14"/>
      <c r="G11" s="18" t="s">
        <v>20</v>
      </c>
      <c r="H11" s="17"/>
      <c r="I11" s="13">
        <v>23017</v>
      </c>
      <c r="J11" s="14">
        <v>12023</v>
      </c>
      <c r="K11" s="14">
        <v>10994</v>
      </c>
    </row>
    <row r="12" spans="1:11" ht="15" customHeight="1">
      <c r="A12" s="17" t="s">
        <v>21</v>
      </c>
      <c r="B12" s="17"/>
      <c r="C12" s="13">
        <v>3063</v>
      </c>
      <c r="D12" s="19">
        <v>1611</v>
      </c>
      <c r="E12" s="19">
        <v>1452</v>
      </c>
      <c r="F12" s="19"/>
      <c r="G12" s="18" t="s">
        <v>22</v>
      </c>
      <c r="H12" s="17"/>
      <c r="I12" s="13">
        <v>5447</v>
      </c>
      <c r="J12" s="19">
        <v>2895</v>
      </c>
      <c r="K12" s="19">
        <v>2552</v>
      </c>
    </row>
    <row r="13" spans="1:11" ht="15" customHeight="1">
      <c r="A13" s="17" t="s">
        <v>23</v>
      </c>
      <c r="B13" s="17"/>
      <c r="C13" s="13">
        <v>3025</v>
      </c>
      <c r="D13" s="19">
        <v>1537</v>
      </c>
      <c r="E13" s="19">
        <v>1488</v>
      </c>
      <c r="F13" s="19"/>
      <c r="G13" s="18" t="s">
        <v>24</v>
      </c>
      <c r="H13" s="17"/>
      <c r="I13" s="13">
        <v>4846</v>
      </c>
      <c r="J13" s="19">
        <v>2513</v>
      </c>
      <c r="K13" s="19">
        <v>2333</v>
      </c>
    </row>
    <row r="14" spans="1:11" ht="15" customHeight="1">
      <c r="A14" s="17" t="s">
        <v>25</v>
      </c>
      <c r="B14" s="17"/>
      <c r="C14" s="13">
        <v>2902</v>
      </c>
      <c r="D14" s="19">
        <v>1479</v>
      </c>
      <c r="E14" s="19">
        <v>1423</v>
      </c>
      <c r="F14" s="19"/>
      <c r="G14" s="18" t="s">
        <v>26</v>
      </c>
      <c r="H14" s="17"/>
      <c r="I14" s="13">
        <v>4527</v>
      </c>
      <c r="J14" s="19">
        <v>2381</v>
      </c>
      <c r="K14" s="19">
        <v>2146</v>
      </c>
    </row>
    <row r="15" spans="1:11" ht="15" customHeight="1">
      <c r="A15" s="17" t="s">
        <v>27</v>
      </c>
      <c r="B15" s="17"/>
      <c r="C15" s="13">
        <v>2865</v>
      </c>
      <c r="D15" s="19">
        <v>1450</v>
      </c>
      <c r="E15" s="19">
        <v>1415</v>
      </c>
      <c r="F15" s="19"/>
      <c r="G15" s="18" t="s">
        <v>28</v>
      </c>
      <c r="H15" s="17"/>
      <c r="I15" s="13">
        <v>4210</v>
      </c>
      <c r="J15" s="19">
        <v>2171</v>
      </c>
      <c r="K15" s="19">
        <v>2039</v>
      </c>
    </row>
    <row r="16" spans="1:11" ht="15" customHeight="1">
      <c r="A16" s="17" t="s">
        <v>29</v>
      </c>
      <c r="B16" s="17"/>
      <c r="C16" s="13">
        <v>2896</v>
      </c>
      <c r="D16" s="19">
        <v>1510</v>
      </c>
      <c r="E16" s="19">
        <v>1386</v>
      </c>
      <c r="F16" s="19"/>
      <c r="G16" s="18" t="s">
        <v>30</v>
      </c>
      <c r="H16" s="17"/>
      <c r="I16" s="13">
        <v>3987</v>
      </c>
      <c r="J16" s="19">
        <v>2063</v>
      </c>
      <c r="K16" s="19">
        <v>1924</v>
      </c>
    </row>
    <row r="17" spans="1:11" ht="20.100000000000001" customHeight="1">
      <c r="A17" s="20" t="s">
        <v>31</v>
      </c>
      <c r="B17" s="20"/>
      <c r="C17" s="13">
        <v>13633</v>
      </c>
      <c r="D17" s="14">
        <v>6959</v>
      </c>
      <c r="E17" s="14">
        <v>6674</v>
      </c>
      <c r="F17" s="14"/>
      <c r="G17" s="18" t="s">
        <v>32</v>
      </c>
      <c r="H17" s="17"/>
      <c r="I17" s="13">
        <v>17206</v>
      </c>
      <c r="J17" s="14">
        <v>8769</v>
      </c>
      <c r="K17" s="14">
        <v>8437</v>
      </c>
    </row>
    <row r="18" spans="1:11" ht="15" customHeight="1">
      <c r="A18" s="17" t="s">
        <v>33</v>
      </c>
      <c r="B18" s="17"/>
      <c r="C18" s="13">
        <v>2798</v>
      </c>
      <c r="D18" s="19">
        <v>1463</v>
      </c>
      <c r="E18" s="19">
        <v>1335</v>
      </c>
      <c r="F18" s="19"/>
      <c r="G18" s="18" t="s">
        <v>34</v>
      </c>
      <c r="H18" s="17"/>
      <c r="I18" s="13">
        <v>3870</v>
      </c>
      <c r="J18" s="19">
        <v>1972</v>
      </c>
      <c r="K18" s="19">
        <v>1898</v>
      </c>
    </row>
    <row r="19" spans="1:11" ht="15" customHeight="1">
      <c r="A19" s="17" t="s">
        <v>35</v>
      </c>
      <c r="B19" s="17"/>
      <c r="C19" s="13">
        <v>2711</v>
      </c>
      <c r="D19" s="19">
        <v>1303</v>
      </c>
      <c r="E19" s="19">
        <v>1408</v>
      </c>
      <c r="F19" s="19"/>
      <c r="G19" s="18" t="s">
        <v>36</v>
      </c>
      <c r="H19" s="17"/>
      <c r="I19" s="13">
        <v>3624</v>
      </c>
      <c r="J19" s="19">
        <v>1901</v>
      </c>
      <c r="K19" s="19">
        <v>1723</v>
      </c>
    </row>
    <row r="20" spans="1:11" ht="15" customHeight="1">
      <c r="A20" s="17" t="s">
        <v>37</v>
      </c>
      <c r="B20" s="17"/>
      <c r="C20" s="13">
        <v>2731</v>
      </c>
      <c r="D20" s="19">
        <v>1401</v>
      </c>
      <c r="E20" s="19">
        <v>1330</v>
      </c>
      <c r="F20" s="19"/>
      <c r="G20" s="18" t="s">
        <v>38</v>
      </c>
      <c r="H20" s="17"/>
      <c r="I20" s="13">
        <v>3453</v>
      </c>
      <c r="J20" s="19">
        <v>1757</v>
      </c>
      <c r="K20" s="19">
        <v>1696</v>
      </c>
    </row>
    <row r="21" spans="1:11" ht="15" customHeight="1">
      <c r="A21" s="17" t="s">
        <v>39</v>
      </c>
      <c r="B21" s="17"/>
      <c r="C21" s="13">
        <v>2693</v>
      </c>
      <c r="D21" s="19">
        <v>1376</v>
      </c>
      <c r="E21" s="19">
        <v>1317</v>
      </c>
      <c r="F21" s="19"/>
      <c r="G21" s="18" t="s">
        <v>40</v>
      </c>
      <c r="H21" s="17"/>
      <c r="I21" s="13">
        <v>3107</v>
      </c>
      <c r="J21" s="19">
        <v>1570</v>
      </c>
      <c r="K21" s="19">
        <v>1537</v>
      </c>
    </row>
    <row r="22" spans="1:11" ht="15" customHeight="1">
      <c r="A22" s="17" t="s">
        <v>41</v>
      </c>
      <c r="B22" s="17"/>
      <c r="C22" s="13">
        <v>2700</v>
      </c>
      <c r="D22" s="19">
        <v>1416</v>
      </c>
      <c r="E22" s="19">
        <v>1284</v>
      </c>
      <c r="F22" s="19"/>
      <c r="G22" s="18" t="s">
        <v>42</v>
      </c>
      <c r="H22" s="17"/>
      <c r="I22" s="13">
        <v>3152</v>
      </c>
      <c r="J22" s="19">
        <v>1569</v>
      </c>
      <c r="K22" s="19">
        <v>1583</v>
      </c>
    </row>
    <row r="23" spans="1:11" ht="20.100000000000001" customHeight="1">
      <c r="A23" s="17" t="s">
        <v>43</v>
      </c>
      <c r="B23" s="17"/>
      <c r="C23" s="13">
        <v>14048</v>
      </c>
      <c r="D23" s="14">
        <v>7130</v>
      </c>
      <c r="E23" s="14">
        <v>6918</v>
      </c>
      <c r="F23" s="14"/>
      <c r="G23" s="18" t="s">
        <v>44</v>
      </c>
      <c r="H23" s="17"/>
      <c r="I23" s="13">
        <v>15846</v>
      </c>
      <c r="J23" s="14">
        <v>7796</v>
      </c>
      <c r="K23" s="14">
        <v>8050</v>
      </c>
    </row>
    <row r="24" spans="1:11" ht="15" customHeight="1">
      <c r="A24" s="17" t="s">
        <v>45</v>
      </c>
      <c r="B24" s="17"/>
      <c r="C24" s="13">
        <v>2502</v>
      </c>
      <c r="D24" s="19">
        <v>1239</v>
      </c>
      <c r="E24" s="19">
        <v>1263</v>
      </c>
      <c r="F24" s="19"/>
      <c r="G24" s="18" t="s">
        <v>46</v>
      </c>
      <c r="H24" s="17"/>
      <c r="I24" s="13">
        <v>3218</v>
      </c>
      <c r="J24" s="19">
        <v>1642</v>
      </c>
      <c r="K24" s="19">
        <v>1576</v>
      </c>
    </row>
    <row r="25" spans="1:11" ht="15" customHeight="1">
      <c r="A25" s="17" t="s">
        <v>47</v>
      </c>
      <c r="B25" s="17"/>
      <c r="C25" s="13">
        <v>2752</v>
      </c>
      <c r="D25" s="19">
        <v>1401</v>
      </c>
      <c r="E25" s="19">
        <v>1351</v>
      </c>
      <c r="F25" s="19"/>
      <c r="G25" s="18" t="s">
        <v>48</v>
      </c>
      <c r="H25" s="17"/>
      <c r="I25" s="13">
        <v>3020</v>
      </c>
      <c r="J25" s="19">
        <v>1484</v>
      </c>
      <c r="K25" s="19">
        <v>1536</v>
      </c>
    </row>
    <row r="26" spans="1:11" ht="15" customHeight="1">
      <c r="A26" s="17" t="s">
        <v>49</v>
      </c>
      <c r="B26" s="17"/>
      <c r="C26" s="13">
        <v>2650</v>
      </c>
      <c r="D26" s="19">
        <v>1376</v>
      </c>
      <c r="E26" s="19">
        <v>1274</v>
      </c>
      <c r="F26" s="19"/>
      <c r="G26" s="18" t="s">
        <v>50</v>
      </c>
      <c r="H26" s="17"/>
      <c r="I26" s="13">
        <v>3064</v>
      </c>
      <c r="J26" s="19">
        <v>1522</v>
      </c>
      <c r="K26" s="19">
        <v>1542</v>
      </c>
    </row>
    <row r="27" spans="1:11" ht="15" customHeight="1">
      <c r="A27" s="17" t="s">
        <v>51</v>
      </c>
      <c r="B27" s="17"/>
      <c r="C27" s="13">
        <v>2869</v>
      </c>
      <c r="D27" s="19">
        <v>1429</v>
      </c>
      <c r="E27" s="19">
        <v>1440</v>
      </c>
      <c r="F27" s="19"/>
      <c r="G27" s="18" t="s">
        <v>52</v>
      </c>
      <c r="H27" s="17"/>
      <c r="I27" s="13">
        <v>3241</v>
      </c>
      <c r="J27" s="19">
        <v>1561</v>
      </c>
      <c r="K27" s="19">
        <v>1680</v>
      </c>
    </row>
    <row r="28" spans="1:11" ht="15" customHeight="1">
      <c r="A28" s="17" t="s">
        <v>53</v>
      </c>
      <c r="B28" s="17"/>
      <c r="C28" s="13">
        <v>3275</v>
      </c>
      <c r="D28" s="19">
        <v>1685</v>
      </c>
      <c r="E28" s="19">
        <v>1590</v>
      </c>
      <c r="F28" s="19"/>
      <c r="G28" s="18" t="s">
        <v>54</v>
      </c>
      <c r="H28" s="17"/>
      <c r="I28" s="13">
        <v>3303</v>
      </c>
      <c r="J28" s="19">
        <v>1587</v>
      </c>
      <c r="K28" s="19">
        <v>1716</v>
      </c>
    </row>
    <row r="29" spans="1:11" ht="20.100000000000001" customHeight="1">
      <c r="A29" s="17" t="s">
        <v>55</v>
      </c>
      <c r="B29" s="17"/>
      <c r="C29" s="13">
        <v>20731</v>
      </c>
      <c r="D29" s="14">
        <v>10481</v>
      </c>
      <c r="E29" s="14">
        <v>10250</v>
      </c>
      <c r="F29" s="14"/>
      <c r="G29" s="18" t="s">
        <v>56</v>
      </c>
      <c r="H29" s="17"/>
      <c r="I29" s="13">
        <v>17925</v>
      </c>
      <c r="J29" s="14">
        <v>8533</v>
      </c>
      <c r="K29" s="14">
        <v>9392</v>
      </c>
    </row>
    <row r="30" spans="1:11" ht="15" customHeight="1">
      <c r="A30" s="17" t="s">
        <v>57</v>
      </c>
      <c r="B30" s="17"/>
      <c r="C30" s="13">
        <v>3650</v>
      </c>
      <c r="D30" s="19">
        <v>1857</v>
      </c>
      <c r="E30" s="19">
        <v>1793</v>
      </c>
      <c r="F30" s="19"/>
      <c r="G30" s="18" t="s">
        <v>58</v>
      </c>
      <c r="H30" s="17"/>
      <c r="I30" s="13">
        <v>3409</v>
      </c>
      <c r="J30" s="19">
        <v>1640</v>
      </c>
      <c r="K30" s="19">
        <v>1769</v>
      </c>
    </row>
    <row r="31" spans="1:11" ht="15" customHeight="1">
      <c r="A31" s="17" t="s">
        <v>59</v>
      </c>
      <c r="B31" s="17"/>
      <c r="C31" s="13">
        <v>3873</v>
      </c>
      <c r="D31" s="19">
        <v>1988</v>
      </c>
      <c r="E31" s="19">
        <v>1885</v>
      </c>
      <c r="F31" s="19"/>
      <c r="G31" s="18" t="s">
        <v>60</v>
      </c>
      <c r="H31" s="17"/>
      <c r="I31" s="13">
        <v>4047</v>
      </c>
      <c r="J31" s="19">
        <v>1946</v>
      </c>
      <c r="K31" s="19">
        <v>2101</v>
      </c>
    </row>
    <row r="32" spans="1:11" ht="15" customHeight="1">
      <c r="A32" s="17" t="s">
        <v>61</v>
      </c>
      <c r="B32" s="17"/>
      <c r="C32" s="13">
        <v>4088</v>
      </c>
      <c r="D32" s="19">
        <v>2030</v>
      </c>
      <c r="E32" s="19">
        <v>2058</v>
      </c>
      <c r="F32" s="19"/>
      <c r="G32" s="18" t="s">
        <v>62</v>
      </c>
      <c r="H32" s="17"/>
      <c r="I32" s="13">
        <v>3975</v>
      </c>
      <c r="J32" s="19">
        <v>1914</v>
      </c>
      <c r="K32" s="19">
        <v>2061</v>
      </c>
    </row>
    <row r="33" spans="1:11" ht="15" customHeight="1">
      <c r="A33" s="17" t="s">
        <v>63</v>
      </c>
      <c r="B33" s="17"/>
      <c r="C33" s="13">
        <v>4525</v>
      </c>
      <c r="D33" s="19">
        <v>2286</v>
      </c>
      <c r="E33" s="19">
        <v>2239</v>
      </c>
      <c r="F33" s="19"/>
      <c r="G33" s="18" t="s">
        <v>64</v>
      </c>
      <c r="H33" s="17"/>
      <c r="I33" s="13">
        <v>3869</v>
      </c>
      <c r="J33" s="19">
        <v>1840</v>
      </c>
      <c r="K33" s="19">
        <v>2029</v>
      </c>
    </row>
    <row r="34" spans="1:11" ht="15" customHeight="1">
      <c r="A34" s="17" t="s">
        <v>65</v>
      </c>
      <c r="B34" s="17"/>
      <c r="C34" s="13">
        <v>4595</v>
      </c>
      <c r="D34" s="19">
        <v>2320</v>
      </c>
      <c r="E34" s="19">
        <v>2275</v>
      </c>
      <c r="F34" s="19"/>
      <c r="G34" s="18" t="s">
        <v>66</v>
      </c>
      <c r="H34" s="17"/>
      <c r="I34" s="13">
        <v>2625</v>
      </c>
      <c r="J34" s="19">
        <v>1193</v>
      </c>
      <c r="K34" s="19">
        <v>1432</v>
      </c>
    </row>
    <row r="35" spans="1:11" ht="20.100000000000001" customHeight="1">
      <c r="A35" s="17" t="s">
        <v>67</v>
      </c>
      <c r="B35" s="17"/>
      <c r="C35" s="13">
        <v>24025</v>
      </c>
      <c r="D35" s="14">
        <v>12189</v>
      </c>
      <c r="E35" s="14">
        <v>11836</v>
      </c>
      <c r="F35" s="14"/>
      <c r="G35" s="18" t="s">
        <v>68</v>
      </c>
      <c r="H35" s="17"/>
      <c r="I35" s="13">
        <v>13509</v>
      </c>
      <c r="J35" s="14">
        <v>5966</v>
      </c>
      <c r="K35" s="14">
        <v>7543</v>
      </c>
    </row>
    <row r="36" spans="1:11" ht="15" customHeight="1">
      <c r="A36" s="17" t="s">
        <v>69</v>
      </c>
      <c r="B36" s="17"/>
      <c r="C36" s="13">
        <v>4634</v>
      </c>
      <c r="D36" s="19">
        <v>2298</v>
      </c>
      <c r="E36" s="19">
        <v>2336</v>
      </c>
      <c r="F36" s="19"/>
      <c r="G36" s="18" t="s">
        <v>70</v>
      </c>
      <c r="H36" s="17"/>
      <c r="I36" s="13">
        <v>2412</v>
      </c>
      <c r="J36" s="19">
        <v>1110</v>
      </c>
      <c r="K36" s="19">
        <v>1302</v>
      </c>
    </row>
    <row r="37" spans="1:11" ht="15" customHeight="1">
      <c r="A37" s="17" t="s">
        <v>71</v>
      </c>
      <c r="B37" s="17"/>
      <c r="C37" s="13">
        <v>4881</v>
      </c>
      <c r="D37" s="19">
        <v>2564</v>
      </c>
      <c r="E37" s="19">
        <v>2317</v>
      </c>
      <c r="F37" s="19"/>
      <c r="G37" s="18" t="s">
        <v>72</v>
      </c>
      <c r="H37" s="17"/>
      <c r="I37" s="13">
        <v>2723</v>
      </c>
      <c r="J37" s="19">
        <v>1214</v>
      </c>
      <c r="K37" s="19">
        <v>1509</v>
      </c>
    </row>
    <row r="38" spans="1:11" ht="15" customHeight="1">
      <c r="A38" s="17" t="s">
        <v>73</v>
      </c>
      <c r="B38" s="17"/>
      <c r="C38" s="13">
        <v>4790</v>
      </c>
      <c r="D38" s="19">
        <v>2418</v>
      </c>
      <c r="E38" s="19">
        <v>2372</v>
      </c>
      <c r="F38" s="19"/>
      <c r="G38" s="18" t="s">
        <v>74</v>
      </c>
      <c r="H38" s="17"/>
      <c r="I38" s="13">
        <v>2974</v>
      </c>
      <c r="J38" s="19">
        <v>1306</v>
      </c>
      <c r="K38" s="19">
        <v>1668</v>
      </c>
    </row>
    <row r="39" spans="1:11" ht="15" customHeight="1">
      <c r="A39" s="17" t="s">
        <v>75</v>
      </c>
      <c r="B39" s="17"/>
      <c r="C39" s="13">
        <v>4890</v>
      </c>
      <c r="D39" s="19">
        <v>2522</v>
      </c>
      <c r="E39" s="19">
        <v>2368</v>
      </c>
      <c r="F39" s="19"/>
      <c r="G39" s="18" t="s">
        <v>76</v>
      </c>
      <c r="H39" s="17"/>
      <c r="I39" s="13">
        <v>2715</v>
      </c>
      <c r="J39" s="19">
        <v>1165</v>
      </c>
      <c r="K39" s="19">
        <v>1550</v>
      </c>
    </row>
    <row r="40" spans="1:11" ht="15" customHeight="1">
      <c r="A40" s="17" t="s">
        <v>77</v>
      </c>
      <c r="B40" s="17"/>
      <c r="C40" s="13">
        <v>4830</v>
      </c>
      <c r="D40" s="19">
        <v>2387</v>
      </c>
      <c r="E40" s="19">
        <v>2443</v>
      </c>
      <c r="F40" s="19"/>
      <c r="G40" s="18" t="s">
        <v>78</v>
      </c>
      <c r="H40" s="17"/>
      <c r="I40" s="13">
        <v>2685</v>
      </c>
      <c r="J40" s="19">
        <v>1171</v>
      </c>
      <c r="K40" s="19">
        <v>1514</v>
      </c>
    </row>
    <row r="41" spans="1:11" ht="20.100000000000001" customHeight="1">
      <c r="A41" s="17" t="s">
        <v>79</v>
      </c>
      <c r="B41" s="17"/>
      <c r="C41" s="13">
        <v>24030</v>
      </c>
      <c r="D41" s="14">
        <v>12132</v>
      </c>
      <c r="E41" s="14">
        <v>11898</v>
      </c>
      <c r="F41" s="14"/>
      <c r="G41" s="18" t="s">
        <v>80</v>
      </c>
      <c r="H41" s="17"/>
      <c r="I41" s="13">
        <v>10206</v>
      </c>
      <c r="J41" s="14">
        <v>4198</v>
      </c>
      <c r="K41" s="14">
        <v>6008</v>
      </c>
    </row>
    <row r="42" spans="1:11" ht="15" customHeight="1">
      <c r="A42" s="17" t="s">
        <v>81</v>
      </c>
      <c r="B42" s="17"/>
      <c r="C42" s="13">
        <v>4819</v>
      </c>
      <c r="D42" s="19">
        <v>2425</v>
      </c>
      <c r="E42" s="19">
        <v>2394</v>
      </c>
      <c r="F42" s="19"/>
      <c r="G42" s="18" t="s">
        <v>82</v>
      </c>
      <c r="H42" s="17"/>
      <c r="I42" s="13">
        <v>2452</v>
      </c>
      <c r="J42" s="19">
        <v>1048</v>
      </c>
      <c r="K42" s="19">
        <v>1404</v>
      </c>
    </row>
    <row r="43" spans="1:11" ht="15" customHeight="1">
      <c r="A43" s="17" t="s">
        <v>83</v>
      </c>
      <c r="B43" s="17"/>
      <c r="C43" s="13">
        <v>4682</v>
      </c>
      <c r="D43" s="19">
        <v>2350</v>
      </c>
      <c r="E43" s="19">
        <v>2332</v>
      </c>
      <c r="F43" s="19"/>
      <c r="G43" s="18" t="s">
        <v>84</v>
      </c>
      <c r="H43" s="17"/>
      <c r="I43" s="13">
        <v>2035</v>
      </c>
      <c r="J43" s="19">
        <v>864</v>
      </c>
      <c r="K43" s="19">
        <v>1171</v>
      </c>
    </row>
    <row r="44" spans="1:11" ht="15" customHeight="1">
      <c r="A44" s="17" t="s">
        <v>85</v>
      </c>
      <c r="B44" s="17"/>
      <c r="C44" s="13">
        <v>4888</v>
      </c>
      <c r="D44" s="19">
        <v>2445</v>
      </c>
      <c r="E44" s="19">
        <v>2443</v>
      </c>
      <c r="F44" s="19"/>
      <c r="G44" s="18" t="s">
        <v>86</v>
      </c>
      <c r="H44" s="17"/>
      <c r="I44" s="13">
        <v>1917</v>
      </c>
      <c r="J44" s="19">
        <v>787</v>
      </c>
      <c r="K44" s="19">
        <v>1130</v>
      </c>
    </row>
    <row r="45" spans="1:11" ht="15" customHeight="1">
      <c r="A45" s="17" t="s">
        <v>87</v>
      </c>
      <c r="B45" s="17"/>
      <c r="C45" s="13">
        <v>4813</v>
      </c>
      <c r="D45" s="19">
        <v>2454</v>
      </c>
      <c r="E45" s="19">
        <v>2359</v>
      </c>
      <c r="F45" s="19"/>
      <c r="G45" s="18" t="s">
        <v>88</v>
      </c>
      <c r="H45" s="17"/>
      <c r="I45" s="13">
        <v>1975</v>
      </c>
      <c r="J45" s="19">
        <v>796</v>
      </c>
      <c r="K45" s="19">
        <v>1179</v>
      </c>
    </row>
    <row r="46" spans="1:11" ht="15" customHeight="1">
      <c r="A46" s="17" t="s">
        <v>89</v>
      </c>
      <c r="B46" s="17"/>
      <c r="C46" s="13">
        <v>4828</v>
      </c>
      <c r="D46" s="19">
        <v>2458</v>
      </c>
      <c r="E46" s="19">
        <v>2370</v>
      </c>
      <c r="F46" s="19"/>
      <c r="G46" s="18" t="s">
        <v>90</v>
      </c>
      <c r="H46" s="17"/>
      <c r="I46" s="13">
        <v>1827</v>
      </c>
      <c r="J46" s="19">
        <v>703</v>
      </c>
      <c r="K46" s="19">
        <v>1124</v>
      </c>
    </row>
    <row r="47" spans="1:11" ht="20.100000000000001" customHeight="1">
      <c r="A47" s="17" t="s">
        <v>91</v>
      </c>
      <c r="B47" s="17"/>
      <c r="C47" s="13">
        <v>25738</v>
      </c>
      <c r="D47" s="14">
        <v>13229</v>
      </c>
      <c r="E47" s="14">
        <v>12509</v>
      </c>
      <c r="F47" s="14"/>
      <c r="G47" s="18" t="s">
        <v>92</v>
      </c>
      <c r="H47" s="17"/>
      <c r="I47" s="13">
        <v>7148</v>
      </c>
      <c r="J47" s="14">
        <v>2606</v>
      </c>
      <c r="K47" s="14">
        <v>4542</v>
      </c>
    </row>
    <row r="48" spans="1:11" ht="15" customHeight="1">
      <c r="A48" s="17" t="s">
        <v>93</v>
      </c>
      <c r="B48" s="17"/>
      <c r="C48" s="13">
        <v>5023</v>
      </c>
      <c r="D48" s="19">
        <v>2549</v>
      </c>
      <c r="E48" s="19">
        <v>2474</v>
      </c>
      <c r="F48" s="19"/>
      <c r="G48" s="18" t="s">
        <v>94</v>
      </c>
      <c r="H48" s="17"/>
      <c r="I48" s="13">
        <v>1849</v>
      </c>
      <c r="J48" s="19">
        <v>727</v>
      </c>
      <c r="K48" s="19">
        <v>1122</v>
      </c>
    </row>
    <row r="49" spans="1:11" ht="15" customHeight="1">
      <c r="A49" s="17" t="s">
        <v>95</v>
      </c>
      <c r="B49" s="17"/>
      <c r="C49" s="13">
        <v>5262</v>
      </c>
      <c r="D49" s="19">
        <v>2738</v>
      </c>
      <c r="E49" s="19">
        <v>2524</v>
      </c>
      <c r="F49" s="19"/>
      <c r="G49" s="18" t="s">
        <v>96</v>
      </c>
      <c r="H49" s="17"/>
      <c r="I49" s="13">
        <v>1477</v>
      </c>
      <c r="J49" s="19">
        <v>543</v>
      </c>
      <c r="K49" s="19">
        <v>934</v>
      </c>
    </row>
    <row r="50" spans="1:11" ht="15" customHeight="1">
      <c r="A50" s="17" t="s">
        <v>97</v>
      </c>
      <c r="B50" s="17"/>
      <c r="C50" s="13">
        <v>5168</v>
      </c>
      <c r="D50" s="19">
        <v>2658</v>
      </c>
      <c r="E50" s="19">
        <v>2510</v>
      </c>
      <c r="F50" s="19"/>
      <c r="G50" s="18" t="s">
        <v>98</v>
      </c>
      <c r="H50" s="17"/>
      <c r="I50" s="13">
        <v>1434</v>
      </c>
      <c r="J50" s="19">
        <v>510</v>
      </c>
      <c r="K50" s="19">
        <v>924</v>
      </c>
    </row>
    <row r="51" spans="1:11" ht="15" customHeight="1">
      <c r="A51" s="17" t="s">
        <v>99</v>
      </c>
      <c r="B51" s="17"/>
      <c r="C51" s="13">
        <v>5212</v>
      </c>
      <c r="D51" s="19">
        <v>2719</v>
      </c>
      <c r="E51" s="19">
        <v>2493</v>
      </c>
      <c r="F51" s="19"/>
      <c r="G51" s="18" t="s">
        <v>100</v>
      </c>
      <c r="H51" s="17"/>
      <c r="I51" s="13">
        <v>1249</v>
      </c>
      <c r="J51" s="19">
        <v>464</v>
      </c>
      <c r="K51" s="19">
        <v>785</v>
      </c>
    </row>
    <row r="52" spans="1:11" ht="15" customHeight="1">
      <c r="A52" s="17" t="s">
        <v>101</v>
      </c>
      <c r="B52" s="17"/>
      <c r="C52" s="13">
        <v>5073</v>
      </c>
      <c r="D52" s="19">
        <v>2565</v>
      </c>
      <c r="E52" s="19">
        <v>2508</v>
      </c>
      <c r="F52" s="19"/>
      <c r="G52" s="18" t="s">
        <v>102</v>
      </c>
      <c r="H52" s="17"/>
      <c r="I52" s="13">
        <v>1139</v>
      </c>
      <c r="J52" s="19">
        <v>362</v>
      </c>
      <c r="K52" s="19">
        <v>777</v>
      </c>
    </row>
    <row r="53" spans="1:11" ht="20.100000000000001" customHeight="1">
      <c r="A53" s="17" t="s">
        <v>103</v>
      </c>
      <c r="B53" s="17"/>
      <c r="C53" s="13">
        <v>27162</v>
      </c>
      <c r="D53" s="14">
        <v>13925</v>
      </c>
      <c r="E53" s="14">
        <v>13237</v>
      </c>
      <c r="F53" s="14"/>
      <c r="G53" s="18" t="s">
        <v>104</v>
      </c>
      <c r="H53" s="17"/>
      <c r="I53" s="13">
        <v>3399</v>
      </c>
      <c r="J53" s="14">
        <v>1009</v>
      </c>
      <c r="K53" s="14">
        <v>2390</v>
      </c>
    </row>
    <row r="54" spans="1:11" ht="15" customHeight="1">
      <c r="A54" s="17" t="s">
        <v>105</v>
      </c>
      <c r="B54" s="17"/>
      <c r="C54" s="13">
        <v>5209</v>
      </c>
      <c r="D54" s="19">
        <v>2649</v>
      </c>
      <c r="E54" s="19">
        <v>2560</v>
      </c>
      <c r="F54" s="19"/>
      <c r="G54" s="18" t="s">
        <v>106</v>
      </c>
      <c r="H54" s="17"/>
      <c r="I54" s="13">
        <v>949</v>
      </c>
      <c r="J54" s="19">
        <v>298</v>
      </c>
      <c r="K54" s="19">
        <v>651</v>
      </c>
    </row>
    <row r="55" spans="1:11" ht="15" customHeight="1">
      <c r="A55" s="17" t="s">
        <v>107</v>
      </c>
      <c r="B55" s="17"/>
      <c r="C55" s="13">
        <v>5255</v>
      </c>
      <c r="D55" s="19">
        <v>2660</v>
      </c>
      <c r="E55" s="19">
        <v>2595</v>
      </c>
      <c r="F55" s="19"/>
      <c r="G55" s="18" t="s">
        <v>108</v>
      </c>
      <c r="H55" s="17"/>
      <c r="I55" s="13">
        <v>851</v>
      </c>
      <c r="J55" s="19">
        <v>251</v>
      </c>
      <c r="K55" s="19">
        <v>600</v>
      </c>
    </row>
    <row r="56" spans="1:11" ht="15" customHeight="1">
      <c r="A56" s="17" t="s">
        <v>109</v>
      </c>
      <c r="B56" s="17"/>
      <c r="C56" s="13">
        <v>5481</v>
      </c>
      <c r="D56" s="19">
        <v>2848</v>
      </c>
      <c r="E56" s="19">
        <v>2633</v>
      </c>
      <c r="F56" s="19"/>
      <c r="G56" s="18" t="s">
        <v>110</v>
      </c>
      <c r="H56" s="17"/>
      <c r="I56" s="13">
        <v>705</v>
      </c>
      <c r="J56" s="19">
        <v>190</v>
      </c>
      <c r="K56" s="19">
        <v>515</v>
      </c>
    </row>
    <row r="57" spans="1:11" ht="15" customHeight="1">
      <c r="A57" s="17" t="s">
        <v>111</v>
      </c>
      <c r="B57" s="17"/>
      <c r="C57" s="13">
        <v>5436</v>
      </c>
      <c r="D57" s="19">
        <v>2794</v>
      </c>
      <c r="E57" s="19">
        <v>2642</v>
      </c>
      <c r="F57" s="19"/>
      <c r="G57" s="18" t="s">
        <v>112</v>
      </c>
      <c r="H57" s="17"/>
      <c r="I57" s="13">
        <v>497</v>
      </c>
      <c r="J57" s="19">
        <v>145</v>
      </c>
      <c r="K57" s="19">
        <v>352</v>
      </c>
    </row>
    <row r="58" spans="1:11" ht="15" customHeight="1">
      <c r="A58" s="17" t="s">
        <v>113</v>
      </c>
      <c r="B58" s="17"/>
      <c r="C58" s="13">
        <v>5781</v>
      </c>
      <c r="D58" s="19">
        <v>2974</v>
      </c>
      <c r="E58" s="19">
        <v>2807</v>
      </c>
      <c r="F58" s="19"/>
      <c r="G58" s="18" t="s">
        <v>114</v>
      </c>
      <c r="H58" s="17"/>
      <c r="I58" s="13">
        <v>397</v>
      </c>
      <c r="J58" s="19">
        <v>125</v>
      </c>
      <c r="K58" s="19">
        <v>272</v>
      </c>
    </row>
    <row r="59" spans="1:11" ht="20.100000000000001" customHeight="1">
      <c r="A59" s="17" t="s">
        <v>115</v>
      </c>
      <c r="B59" s="17"/>
      <c r="C59" s="13">
        <v>29961</v>
      </c>
      <c r="D59" s="14">
        <v>15229</v>
      </c>
      <c r="E59" s="14">
        <v>14732</v>
      </c>
      <c r="F59" s="14"/>
      <c r="G59" s="18" t="s">
        <v>116</v>
      </c>
      <c r="H59" s="17"/>
      <c r="I59" s="13">
        <v>926</v>
      </c>
      <c r="J59" s="14">
        <v>187</v>
      </c>
      <c r="K59" s="14">
        <v>739</v>
      </c>
    </row>
    <row r="60" spans="1:11" ht="15" customHeight="1">
      <c r="A60" s="17" t="s">
        <v>117</v>
      </c>
      <c r="B60" s="17"/>
      <c r="C60" s="13">
        <v>5740</v>
      </c>
      <c r="D60" s="19">
        <v>2917</v>
      </c>
      <c r="E60" s="19">
        <v>2823</v>
      </c>
      <c r="F60" s="19"/>
      <c r="G60" s="18" t="s">
        <v>118</v>
      </c>
      <c r="H60" s="17"/>
      <c r="I60" s="13">
        <v>353</v>
      </c>
      <c r="J60" s="19">
        <v>86</v>
      </c>
      <c r="K60" s="19">
        <v>267</v>
      </c>
    </row>
    <row r="61" spans="1:11" ht="15" customHeight="1">
      <c r="A61" s="17" t="s">
        <v>119</v>
      </c>
      <c r="B61" s="17"/>
      <c r="C61" s="13">
        <v>5973</v>
      </c>
      <c r="D61" s="19">
        <v>3077</v>
      </c>
      <c r="E61" s="19">
        <v>2896</v>
      </c>
      <c r="F61" s="19"/>
      <c r="G61" s="18" t="s">
        <v>120</v>
      </c>
      <c r="H61" s="17"/>
      <c r="I61" s="13">
        <v>234</v>
      </c>
      <c r="J61" s="19">
        <v>50</v>
      </c>
      <c r="K61" s="19">
        <v>184</v>
      </c>
    </row>
    <row r="62" spans="1:11" ht="15" customHeight="1">
      <c r="A62" s="17" t="s">
        <v>121</v>
      </c>
      <c r="B62" s="17"/>
      <c r="C62" s="13">
        <v>6111</v>
      </c>
      <c r="D62" s="19">
        <v>3110</v>
      </c>
      <c r="E62" s="19">
        <v>3001</v>
      </c>
      <c r="F62" s="19"/>
      <c r="G62" s="18" t="s">
        <v>122</v>
      </c>
      <c r="H62" s="17"/>
      <c r="I62" s="13">
        <v>134</v>
      </c>
      <c r="J62" s="19">
        <v>22</v>
      </c>
      <c r="K62" s="19">
        <v>112</v>
      </c>
    </row>
    <row r="63" spans="1:11" ht="15" customHeight="1">
      <c r="A63" s="17" t="s">
        <v>123</v>
      </c>
      <c r="B63" s="17"/>
      <c r="C63" s="13">
        <v>5998</v>
      </c>
      <c r="D63" s="19">
        <v>3038</v>
      </c>
      <c r="E63" s="19">
        <v>2960</v>
      </c>
      <c r="F63" s="19"/>
      <c r="G63" s="18" t="s">
        <v>124</v>
      </c>
      <c r="H63" s="17"/>
      <c r="I63" s="13">
        <v>118</v>
      </c>
      <c r="J63" s="19">
        <v>18</v>
      </c>
      <c r="K63" s="19">
        <v>100</v>
      </c>
    </row>
    <row r="64" spans="1:11" ht="15" customHeight="1">
      <c r="A64" s="17" t="s">
        <v>125</v>
      </c>
      <c r="B64" s="17"/>
      <c r="C64" s="13">
        <v>6139</v>
      </c>
      <c r="D64" s="19">
        <v>3087</v>
      </c>
      <c r="E64" s="19">
        <v>3052</v>
      </c>
      <c r="F64" s="19"/>
      <c r="G64" s="18" t="s">
        <v>126</v>
      </c>
      <c r="H64" s="17"/>
      <c r="I64" s="13">
        <v>87</v>
      </c>
      <c r="J64" s="19">
        <v>11</v>
      </c>
      <c r="K64" s="19">
        <v>7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25</v>
      </c>
      <c r="J65" s="19">
        <v>16</v>
      </c>
      <c r="K65" s="19">
        <v>10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2248</v>
      </c>
      <c r="J66" s="29">
        <v>7019</v>
      </c>
      <c r="K66" s="29">
        <v>522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83864</v>
      </c>
      <c r="D4" s="14">
        <v>138402</v>
      </c>
      <c r="E4" s="14">
        <v>14546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1206</v>
      </c>
      <c r="D5" s="14">
        <v>5665</v>
      </c>
      <c r="E5" s="14">
        <v>5541</v>
      </c>
      <c r="F5" s="14"/>
      <c r="G5" s="18" t="s">
        <v>8</v>
      </c>
      <c r="H5" s="17"/>
      <c r="I5" s="13">
        <v>22082</v>
      </c>
      <c r="J5" s="14">
        <v>11225</v>
      </c>
      <c r="K5" s="14">
        <v>10857</v>
      </c>
    </row>
    <row r="6" spans="1:11" ht="15" customHeight="1">
      <c r="A6" s="17" t="s">
        <v>9</v>
      </c>
      <c r="B6" s="17"/>
      <c r="C6" s="13">
        <v>1981</v>
      </c>
      <c r="D6" s="19">
        <v>1015</v>
      </c>
      <c r="E6" s="19">
        <v>966</v>
      </c>
      <c r="F6" s="19"/>
      <c r="G6" s="18" t="s">
        <v>10</v>
      </c>
      <c r="H6" s="17"/>
      <c r="I6" s="13">
        <v>4856</v>
      </c>
      <c r="J6" s="19">
        <v>2408</v>
      </c>
      <c r="K6" s="19">
        <v>2448</v>
      </c>
    </row>
    <row r="7" spans="1:11" ht="15" customHeight="1">
      <c r="A7" s="17" t="s">
        <v>11</v>
      </c>
      <c r="B7" s="17"/>
      <c r="C7" s="13">
        <v>2229</v>
      </c>
      <c r="D7" s="19">
        <v>1122</v>
      </c>
      <c r="E7" s="19">
        <v>1107</v>
      </c>
      <c r="F7" s="19"/>
      <c r="G7" s="18" t="s">
        <v>12</v>
      </c>
      <c r="H7" s="17"/>
      <c r="I7" s="13">
        <v>4736</v>
      </c>
      <c r="J7" s="19">
        <v>2412</v>
      </c>
      <c r="K7" s="19">
        <v>2324</v>
      </c>
    </row>
    <row r="8" spans="1:11" ht="15" customHeight="1">
      <c r="A8" s="17" t="s">
        <v>13</v>
      </c>
      <c r="B8" s="17"/>
      <c r="C8" s="13">
        <v>2303</v>
      </c>
      <c r="D8" s="19">
        <v>1158</v>
      </c>
      <c r="E8" s="19">
        <v>1145</v>
      </c>
      <c r="F8" s="19"/>
      <c r="G8" s="18" t="s">
        <v>14</v>
      </c>
      <c r="H8" s="17"/>
      <c r="I8" s="13">
        <v>4569</v>
      </c>
      <c r="J8" s="19">
        <v>2309</v>
      </c>
      <c r="K8" s="19">
        <v>2260</v>
      </c>
    </row>
    <row r="9" spans="1:11" ht="15" customHeight="1">
      <c r="A9" s="17" t="s">
        <v>15</v>
      </c>
      <c r="B9" s="17"/>
      <c r="C9" s="13">
        <v>2256</v>
      </c>
      <c r="D9" s="19">
        <v>1151</v>
      </c>
      <c r="E9" s="19">
        <v>1105</v>
      </c>
      <c r="F9" s="19"/>
      <c r="G9" s="18" t="s">
        <v>16</v>
      </c>
      <c r="H9" s="17"/>
      <c r="I9" s="13">
        <v>4649</v>
      </c>
      <c r="J9" s="19">
        <v>2395</v>
      </c>
      <c r="K9" s="19">
        <v>2254</v>
      </c>
    </row>
    <row r="10" spans="1:11" ht="15" customHeight="1">
      <c r="A10" s="17" t="s">
        <v>17</v>
      </c>
      <c r="B10" s="17"/>
      <c r="C10" s="13">
        <v>2437</v>
      </c>
      <c r="D10" s="19">
        <v>1219</v>
      </c>
      <c r="E10" s="19">
        <v>1218</v>
      </c>
      <c r="F10" s="19"/>
      <c r="G10" s="18" t="s">
        <v>18</v>
      </c>
      <c r="H10" s="17"/>
      <c r="I10" s="13">
        <v>3272</v>
      </c>
      <c r="J10" s="19">
        <v>1701</v>
      </c>
      <c r="K10" s="19">
        <v>1571</v>
      </c>
    </row>
    <row r="11" spans="1:11" ht="20.100000000000001" customHeight="1">
      <c r="A11" s="17" t="s">
        <v>19</v>
      </c>
      <c r="B11" s="17"/>
      <c r="C11" s="13">
        <v>12059</v>
      </c>
      <c r="D11" s="14">
        <v>6142</v>
      </c>
      <c r="E11" s="14">
        <v>5917</v>
      </c>
      <c r="F11" s="14"/>
      <c r="G11" s="18" t="s">
        <v>20</v>
      </c>
      <c r="H11" s="17"/>
      <c r="I11" s="13">
        <v>18180</v>
      </c>
      <c r="J11" s="14">
        <v>9355</v>
      </c>
      <c r="K11" s="14">
        <v>8825</v>
      </c>
    </row>
    <row r="12" spans="1:11" ht="15" customHeight="1">
      <c r="A12" s="17" t="s">
        <v>21</v>
      </c>
      <c r="B12" s="17"/>
      <c r="C12" s="13">
        <v>2329</v>
      </c>
      <c r="D12" s="19">
        <v>1196</v>
      </c>
      <c r="E12" s="19">
        <v>1133</v>
      </c>
      <c r="F12" s="19"/>
      <c r="G12" s="18" t="s">
        <v>22</v>
      </c>
      <c r="H12" s="17"/>
      <c r="I12" s="13">
        <v>4182</v>
      </c>
      <c r="J12" s="19">
        <v>2136</v>
      </c>
      <c r="K12" s="19">
        <v>2046</v>
      </c>
    </row>
    <row r="13" spans="1:11" ht="15" customHeight="1">
      <c r="A13" s="17" t="s">
        <v>23</v>
      </c>
      <c r="B13" s="17"/>
      <c r="C13" s="13">
        <v>2389</v>
      </c>
      <c r="D13" s="19">
        <v>1244</v>
      </c>
      <c r="E13" s="19">
        <v>1145</v>
      </c>
      <c r="F13" s="19"/>
      <c r="G13" s="18" t="s">
        <v>24</v>
      </c>
      <c r="H13" s="17"/>
      <c r="I13" s="13">
        <v>3797</v>
      </c>
      <c r="J13" s="19">
        <v>1954</v>
      </c>
      <c r="K13" s="19">
        <v>1843</v>
      </c>
    </row>
    <row r="14" spans="1:11" ht="15" customHeight="1">
      <c r="A14" s="17" t="s">
        <v>25</v>
      </c>
      <c r="B14" s="17"/>
      <c r="C14" s="13">
        <v>2464</v>
      </c>
      <c r="D14" s="19">
        <v>1239</v>
      </c>
      <c r="E14" s="19">
        <v>1225</v>
      </c>
      <c r="F14" s="19"/>
      <c r="G14" s="18" t="s">
        <v>26</v>
      </c>
      <c r="H14" s="17"/>
      <c r="I14" s="13">
        <v>3595</v>
      </c>
      <c r="J14" s="19">
        <v>1844</v>
      </c>
      <c r="K14" s="19">
        <v>1751</v>
      </c>
    </row>
    <row r="15" spans="1:11" ht="15" customHeight="1">
      <c r="A15" s="17" t="s">
        <v>27</v>
      </c>
      <c r="B15" s="17"/>
      <c r="C15" s="13">
        <v>2434</v>
      </c>
      <c r="D15" s="19">
        <v>1219</v>
      </c>
      <c r="E15" s="19">
        <v>1215</v>
      </c>
      <c r="F15" s="19"/>
      <c r="G15" s="18" t="s">
        <v>28</v>
      </c>
      <c r="H15" s="17"/>
      <c r="I15" s="13">
        <v>3338</v>
      </c>
      <c r="J15" s="19">
        <v>1727</v>
      </c>
      <c r="K15" s="19">
        <v>1611</v>
      </c>
    </row>
    <row r="16" spans="1:11" ht="15" customHeight="1">
      <c r="A16" s="17" t="s">
        <v>29</v>
      </c>
      <c r="B16" s="17"/>
      <c r="C16" s="13">
        <v>2443</v>
      </c>
      <c r="D16" s="19">
        <v>1244</v>
      </c>
      <c r="E16" s="19">
        <v>1199</v>
      </c>
      <c r="F16" s="19"/>
      <c r="G16" s="18" t="s">
        <v>30</v>
      </c>
      <c r="H16" s="17"/>
      <c r="I16" s="13">
        <v>3268</v>
      </c>
      <c r="J16" s="19">
        <v>1694</v>
      </c>
      <c r="K16" s="19">
        <v>1574</v>
      </c>
    </row>
    <row r="17" spans="1:11" ht="20.100000000000001" customHeight="1">
      <c r="A17" s="20" t="s">
        <v>31</v>
      </c>
      <c r="B17" s="20"/>
      <c r="C17" s="13">
        <v>13164</v>
      </c>
      <c r="D17" s="14">
        <v>6736</v>
      </c>
      <c r="E17" s="14">
        <v>6428</v>
      </c>
      <c r="F17" s="14"/>
      <c r="G17" s="18" t="s">
        <v>32</v>
      </c>
      <c r="H17" s="17"/>
      <c r="I17" s="13">
        <v>14382</v>
      </c>
      <c r="J17" s="14">
        <v>7207</v>
      </c>
      <c r="K17" s="14">
        <v>7175</v>
      </c>
    </row>
    <row r="18" spans="1:11" ht="15" customHeight="1">
      <c r="A18" s="17" t="s">
        <v>33</v>
      </c>
      <c r="B18" s="17"/>
      <c r="C18" s="13">
        <v>2553</v>
      </c>
      <c r="D18" s="19">
        <v>1305</v>
      </c>
      <c r="E18" s="19">
        <v>1248</v>
      </c>
      <c r="F18" s="19"/>
      <c r="G18" s="18" t="s">
        <v>34</v>
      </c>
      <c r="H18" s="17"/>
      <c r="I18" s="13">
        <v>3119</v>
      </c>
      <c r="J18" s="19">
        <v>1560</v>
      </c>
      <c r="K18" s="19">
        <v>1559</v>
      </c>
    </row>
    <row r="19" spans="1:11" ht="15" customHeight="1">
      <c r="A19" s="17" t="s">
        <v>35</v>
      </c>
      <c r="B19" s="17"/>
      <c r="C19" s="13">
        <v>2549</v>
      </c>
      <c r="D19" s="19">
        <v>1292</v>
      </c>
      <c r="E19" s="19">
        <v>1257</v>
      </c>
      <c r="F19" s="19"/>
      <c r="G19" s="18" t="s">
        <v>36</v>
      </c>
      <c r="H19" s="17"/>
      <c r="I19" s="13">
        <v>2893</v>
      </c>
      <c r="J19" s="19">
        <v>1493</v>
      </c>
      <c r="K19" s="19">
        <v>1400</v>
      </c>
    </row>
    <row r="20" spans="1:11" ht="15" customHeight="1">
      <c r="A20" s="17" t="s">
        <v>37</v>
      </c>
      <c r="B20" s="17"/>
      <c r="C20" s="13">
        <v>2601</v>
      </c>
      <c r="D20" s="19">
        <v>1362</v>
      </c>
      <c r="E20" s="19">
        <v>1239</v>
      </c>
      <c r="F20" s="19"/>
      <c r="G20" s="18" t="s">
        <v>38</v>
      </c>
      <c r="H20" s="17"/>
      <c r="I20" s="13">
        <v>2891</v>
      </c>
      <c r="J20" s="19">
        <v>1437</v>
      </c>
      <c r="K20" s="19">
        <v>1454</v>
      </c>
    </row>
    <row r="21" spans="1:11" ht="15" customHeight="1">
      <c r="A21" s="17" t="s">
        <v>39</v>
      </c>
      <c r="B21" s="17"/>
      <c r="C21" s="13">
        <v>2702</v>
      </c>
      <c r="D21" s="19">
        <v>1403</v>
      </c>
      <c r="E21" s="19">
        <v>1299</v>
      </c>
      <c r="F21" s="19"/>
      <c r="G21" s="18" t="s">
        <v>40</v>
      </c>
      <c r="H21" s="17"/>
      <c r="I21" s="13">
        <v>2653</v>
      </c>
      <c r="J21" s="19">
        <v>1307</v>
      </c>
      <c r="K21" s="19">
        <v>1346</v>
      </c>
    </row>
    <row r="22" spans="1:11" ht="15" customHeight="1">
      <c r="A22" s="17" t="s">
        <v>41</v>
      </c>
      <c r="B22" s="17"/>
      <c r="C22" s="13">
        <v>2759</v>
      </c>
      <c r="D22" s="19">
        <v>1374</v>
      </c>
      <c r="E22" s="19">
        <v>1385</v>
      </c>
      <c r="F22" s="19"/>
      <c r="G22" s="18" t="s">
        <v>42</v>
      </c>
      <c r="H22" s="17"/>
      <c r="I22" s="13">
        <v>2826</v>
      </c>
      <c r="J22" s="19">
        <v>1410</v>
      </c>
      <c r="K22" s="19">
        <v>1416</v>
      </c>
    </row>
    <row r="23" spans="1:11" ht="20.100000000000001" customHeight="1">
      <c r="A23" s="17" t="s">
        <v>43</v>
      </c>
      <c r="B23" s="17"/>
      <c r="C23" s="13">
        <v>13470</v>
      </c>
      <c r="D23" s="14">
        <v>6825</v>
      </c>
      <c r="E23" s="14">
        <v>6645</v>
      </c>
      <c r="F23" s="14"/>
      <c r="G23" s="18" t="s">
        <v>44</v>
      </c>
      <c r="H23" s="17"/>
      <c r="I23" s="13">
        <v>15392</v>
      </c>
      <c r="J23" s="14">
        <v>7331</v>
      </c>
      <c r="K23" s="14">
        <v>8061</v>
      </c>
    </row>
    <row r="24" spans="1:11" ht="15" customHeight="1">
      <c r="A24" s="17" t="s">
        <v>45</v>
      </c>
      <c r="B24" s="17"/>
      <c r="C24" s="13">
        <v>2474</v>
      </c>
      <c r="D24" s="19">
        <v>1289</v>
      </c>
      <c r="E24" s="19">
        <v>1185</v>
      </c>
      <c r="F24" s="19"/>
      <c r="G24" s="18" t="s">
        <v>46</v>
      </c>
      <c r="H24" s="17"/>
      <c r="I24" s="13">
        <v>2862</v>
      </c>
      <c r="J24" s="19">
        <v>1344</v>
      </c>
      <c r="K24" s="19">
        <v>1518</v>
      </c>
    </row>
    <row r="25" spans="1:11" ht="15" customHeight="1">
      <c r="A25" s="17" t="s">
        <v>47</v>
      </c>
      <c r="B25" s="17"/>
      <c r="C25" s="13">
        <v>2632</v>
      </c>
      <c r="D25" s="19">
        <v>1312</v>
      </c>
      <c r="E25" s="19">
        <v>1320</v>
      </c>
      <c r="F25" s="19"/>
      <c r="G25" s="18" t="s">
        <v>48</v>
      </c>
      <c r="H25" s="17"/>
      <c r="I25" s="13">
        <v>2951</v>
      </c>
      <c r="J25" s="19">
        <v>1391</v>
      </c>
      <c r="K25" s="19">
        <v>1560</v>
      </c>
    </row>
    <row r="26" spans="1:11" ht="15" customHeight="1">
      <c r="A26" s="17" t="s">
        <v>49</v>
      </c>
      <c r="B26" s="17"/>
      <c r="C26" s="13">
        <v>2709</v>
      </c>
      <c r="D26" s="19">
        <v>1367</v>
      </c>
      <c r="E26" s="19">
        <v>1342</v>
      </c>
      <c r="F26" s="19"/>
      <c r="G26" s="18" t="s">
        <v>50</v>
      </c>
      <c r="H26" s="17"/>
      <c r="I26" s="13">
        <v>2964</v>
      </c>
      <c r="J26" s="19">
        <v>1368</v>
      </c>
      <c r="K26" s="19">
        <v>1596</v>
      </c>
    </row>
    <row r="27" spans="1:11" ht="15" customHeight="1">
      <c r="A27" s="17" t="s">
        <v>51</v>
      </c>
      <c r="B27" s="17"/>
      <c r="C27" s="13">
        <v>2735</v>
      </c>
      <c r="D27" s="19">
        <v>1373</v>
      </c>
      <c r="E27" s="19">
        <v>1362</v>
      </c>
      <c r="F27" s="19"/>
      <c r="G27" s="18" t="s">
        <v>52</v>
      </c>
      <c r="H27" s="17"/>
      <c r="I27" s="13">
        <v>3211</v>
      </c>
      <c r="J27" s="19">
        <v>1553</v>
      </c>
      <c r="K27" s="19">
        <v>1658</v>
      </c>
    </row>
    <row r="28" spans="1:11" ht="15" customHeight="1">
      <c r="A28" s="17" t="s">
        <v>53</v>
      </c>
      <c r="B28" s="17"/>
      <c r="C28" s="13">
        <v>2920</v>
      </c>
      <c r="D28" s="19">
        <v>1484</v>
      </c>
      <c r="E28" s="19">
        <v>1436</v>
      </c>
      <c r="F28" s="19"/>
      <c r="G28" s="18" t="s">
        <v>54</v>
      </c>
      <c r="H28" s="17"/>
      <c r="I28" s="13">
        <v>3404</v>
      </c>
      <c r="J28" s="19">
        <v>1675</v>
      </c>
      <c r="K28" s="19">
        <v>1729</v>
      </c>
    </row>
    <row r="29" spans="1:11" ht="20.100000000000001" customHeight="1">
      <c r="A29" s="17" t="s">
        <v>55</v>
      </c>
      <c r="B29" s="17"/>
      <c r="C29" s="13">
        <v>14131</v>
      </c>
      <c r="D29" s="14">
        <v>7085</v>
      </c>
      <c r="E29" s="14">
        <v>7046</v>
      </c>
      <c r="F29" s="14"/>
      <c r="G29" s="18" t="s">
        <v>56</v>
      </c>
      <c r="H29" s="17"/>
      <c r="I29" s="13">
        <v>18747</v>
      </c>
      <c r="J29" s="14">
        <v>8728</v>
      </c>
      <c r="K29" s="14">
        <v>10019</v>
      </c>
    </row>
    <row r="30" spans="1:11" ht="15" customHeight="1">
      <c r="A30" s="17" t="s">
        <v>57</v>
      </c>
      <c r="B30" s="17"/>
      <c r="C30" s="13">
        <v>2986</v>
      </c>
      <c r="D30" s="19">
        <v>1502</v>
      </c>
      <c r="E30" s="19">
        <v>1484</v>
      </c>
      <c r="F30" s="19"/>
      <c r="G30" s="18" t="s">
        <v>58</v>
      </c>
      <c r="H30" s="17"/>
      <c r="I30" s="13">
        <v>3677</v>
      </c>
      <c r="J30" s="19">
        <v>1722</v>
      </c>
      <c r="K30" s="19">
        <v>1955</v>
      </c>
    </row>
    <row r="31" spans="1:11" ht="15" customHeight="1">
      <c r="A31" s="17" t="s">
        <v>59</v>
      </c>
      <c r="B31" s="17"/>
      <c r="C31" s="13">
        <v>2900</v>
      </c>
      <c r="D31" s="19">
        <v>1493</v>
      </c>
      <c r="E31" s="19">
        <v>1407</v>
      </c>
      <c r="F31" s="19"/>
      <c r="G31" s="18" t="s">
        <v>60</v>
      </c>
      <c r="H31" s="17"/>
      <c r="I31" s="13">
        <v>4118</v>
      </c>
      <c r="J31" s="19">
        <v>1888</v>
      </c>
      <c r="K31" s="19">
        <v>2230</v>
      </c>
    </row>
    <row r="32" spans="1:11" ht="15" customHeight="1">
      <c r="A32" s="17" t="s">
        <v>61</v>
      </c>
      <c r="B32" s="17"/>
      <c r="C32" s="13">
        <v>2894</v>
      </c>
      <c r="D32" s="19">
        <v>1433</v>
      </c>
      <c r="E32" s="19">
        <v>1461</v>
      </c>
      <c r="F32" s="19"/>
      <c r="G32" s="18" t="s">
        <v>62</v>
      </c>
      <c r="H32" s="17"/>
      <c r="I32" s="13">
        <v>4044</v>
      </c>
      <c r="J32" s="19">
        <v>1920</v>
      </c>
      <c r="K32" s="19">
        <v>2124</v>
      </c>
    </row>
    <row r="33" spans="1:11" ht="15" customHeight="1">
      <c r="A33" s="17" t="s">
        <v>63</v>
      </c>
      <c r="B33" s="17"/>
      <c r="C33" s="13">
        <v>2716</v>
      </c>
      <c r="D33" s="19">
        <v>1343</v>
      </c>
      <c r="E33" s="19">
        <v>1373</v>
      </c>
      <c r="F33" s="19"/>
      <c r="G33" s="18" t="s">
        <v>64</v>
      </c>
      <c r="H33" s="17"/>
      <c r="I33" s="13">
        <v>4096</v>
      </c>
      <c r="J33" s="19">
        <v>1922</v>
      </c>
      <c r="K33" s="19">
        <v>2174</v>
      </c>
    </row>
    <row r="34" spans="1:11" ht="15" customHeight="1">
      <c r="A34" s="17" t="s">
        <v>65</v>
      </c>
      <c r="B34" s="17"/>
      <c r="C34" s="13">
        <v>2635</v>
      </c>
      <c r="D34" s="19">
        <v>1314</v>
      </c>
      <c r="E34" s="19">
        <v>1321</v>
      </c>
      <c r="F34" s="19"/>
      <c r="G34" s="18" t="s">
        <v>66</v>
      </c>
      <c r="H34" s="17"/>
      <c r="I34" s="13">
        <v>2812</v>
      </c>
      <c r="J34" s="19">
        <v>1276</v>
      </c>
      <c r="K34" s="19">
        <v>1536</v>
      </c>
    </row>
    <row r="35" spans="1:11" ht="20.100000000000001" customHeight="1">
      <c r="A35" s="17" t="s">
        <v>67</v>
      </c>
      <c r="B35" s="17"/>
      <c r="C35" s="13">
        <v>12777</v>
      </c>
      <c r="D35" s="14">
        <v>6406</v>
      </c>
      <c r="E35" s="14">
        <v>6371</v>
      </c>
      <c r="F35" s="14"/>
      <c r="G35" s="18" t="s">
        <v>68</v>
      </c>
      <c r="H35" s="17"/>
      <c r="I35" s="13">
        <v>15012</v>
      </c>
      <c r="J35" s="14">
        <v>6660</v>
      </c>
      <c r="K35" s="14">
        <v>8352</v>
      </c>
    </row>
    <row r="36" spans="1:11" ht="15" customHeight="1">
      <c r="A36" s="17" t="s">
        <v>69</v>
      </c>
      <c r="B36" s="17"/>
      <c r="C36" s="13">
        <v>2611</v>
      </c>
      <c r="D36" s="19">
        <v>1280</v>
      </c>
      <c r="E36" s="19">
        <v>1331</v>
      </c>
      <c r="F36" s="19"/>
      <c r="G36" s="18" t="s">
        <v>70</v>
      </c>
      <c r="H36" s="17"/>
      <c r="I36" s="13">
        <v>2520</v>
      </c>
      <c r="J36" s="19">
        <v>1130</v>
      </c>
      <c r="K36" s="19">
        <v>1390</v>
      </c>
    </row>
    <row r="37" spans="1:11" ht="15" customHeight="1">
      <c r="A37" s="17" t="s">
        <v>71</v>
      </c>
      <c r="B37" s="17"/>
      <c r="C37" s="13">
        <v>2641</v>
      </c>
      <c r="D37" s="19">
        <v>1344</v>
      </c>
      <c r="E37" s="19">
        <v>1297</v>
      </c>
      <c r="F37" s="19"/>
      <c r="G37" s="18" t="s">
        <v>72</v>
      </c>
      <c r="H37" s="17"/>
      <c r="I37" s="13">
        <v>3111</v>
      </c>
      <c r="J37" s="19">
        <v>1434</v>
      </c>
      <c r="K37" s="19">
        <v>1677</v>
      </c>
    </row>
    <row r="38" spans="1:11" ht="15" customHeight="1">
      <c r="A38" s="17" t="s">
        <v>73</v>
      </c>
      <c r="B38" s="17"/>
      <c r="C38" s="13">
        <v>2407</v>
      </c>
      <c r="D38" s="19">
        <v>1200</v>
      </c>
      <c r="E38" s="19">
        <v>1207</v>
      </c>
      <c r="F38" s="19"/>
      <c r="G38" s="18" t="s">
        <v>74</v>
      </c>
      <c r="H38" s="17"/>
      <c r="I38" s="13">
        <v>3166</v>
      </c>
      <c r="J38" s="19">
        <v>1369</v>
      </c>
      <c r="K38" s="19">
        <v>1797</v>
      </c>
    </row>
    <row r="39" spans="1:11" ht="15" customHeight="1">
      <c r="A39" s="17" t="s">
        <v>75</v>
      </c>
      <c r="B39" s="17"/>
      <c r="C39" s="13">
        <v>2505</v>
      </c>
      <c r="D39" s="19">
        <v>1229</v>
      </c>
      <c r="E39" s="19">
        <v>1276</v>
      </c>
      <c r="F39" s="19"/>
      <c r="G39" s="18" t="s">
        <v>76</v>
      </c>
      <c r="H39" s="17"/>
      <c r="I39" s="13">
        <v>3149</v>
      </c>
      <c r="J39" s="19">
        <v>1395</v>
      </c>
      <c r="K39" s="19">
        <v>1754</v>
      </c>
    </row>
    <row r="40" spans="1:11" ht="15" customHeight="1">
      <c r="A40" s="17" t="s">
        <v>77</v>
      </c>
      <c r="B40" s="17"/>
      <c r="C40" s="13">
        <v>2613</v>
      </c>
      <c r="D40" s="19">
        <v>1353</v>
      </c>
      <c r="E40" s="19">
        <v>1260</v>
      </c>
      <c r="F40" s="19"/>
      <c r="G40" s="18" t="s">
        <v>78</v>
      </c>
      <c r="H40" s="17"/>
      <c r="I40" s="13">
        <v>3066</v>
      </c>
      <c r="J40" s="19">
        <v>1332</v>
      </c>
      <c r="K40" s="19">
        <v>1734</v>
      </c>
    </row>
    <row r="41" spans="1:11" ht="20.100000000000001" customHeight="1">
      <c r="A41" s="17" t="s">
        <v>79</v>
      </c>
      <c r="B41" s="17"/>
      <c r="C41" s="13">
        <v>14556</v>
      </c>
      <c r="D41" s="14">
        <v>7242</v>
      </c>
      <c r="E41" s="14">
        <v>7314</v>
      </c>
      <c r="F41" s="14"/>
      <c r="G41" s="18" t="s">
        <v>80</v>
      </c>
      <c r="H41" s="17"/>
      <c r="I41" s="13">
        <v>11854</v>
      </c>
      <c r="J41" s="14">
        <v>5115</v>
      </c>
      <c r="K41" s="14">
        <v>6739</v>
      </c>
    </row>
    <row r="42" spans="1:11" ht="15" customHeight="1">
      <c r="A42" s="17" t="s">
        <v>81</v>
      </c>
      <c r="B42" s="17"/>
      <c r="C42" s="13">
        <v>2700</v>
      </c>
      <c r="D42" s="19">
        <v>1348</v>
      </c>
      <c r="E42" s="19">
        <v>1352</v>
      </c>
      <c r="F42" s="19"/>
      <c r="G42" s="18" t="s">
        <v>82</v>
      </c>
      <c r="H42" s="17"/>
      <c r="I42" s="13">
        <v>2747</v>
      </c>
      <c r="J42" s="19">
        <v>1189</v>
      </c>
      <c r="K42" s="19">
        <v>1558</v>
      </c>
    </row>
    <row r="43" spans="1:11" ht="15" customHeight="1">
      <c r="A43" s="17" t="s">
        <v>83</v>
      </c>
      <c r="B43" s="17"/>
      <c r="C43" s="13">
        <v>2767</v>
      </c>
      <c r="D43" s="19">
        <v>1406</v>
      </c>
      <c r="E43" s="19">
        <v>1361</v>
      </c>
      <c r="F43" s="19"/>
      <c r="G43" s="18" t="s">
        <v>84</v>
      </c>
      <c r="H43" s="17"/>
      <c r="I43" s="13">
        <v>2429</v>
      </c>
      <c r="J43" s="19">
        <v>1059</v>
      </c>
      <c r="K43" s="19">
        <v>1370</v>
      </c>
    </row>
    <row r="44" spans="1:11" ht="15" customHeight="1">
      <c r="A44" s="17" t="s">
        <v>85</v>
      </c>
      <c r="B44" s="17"/>
      <c r="C44" s="13">
        <v>2947</v>
      </c>
      <c r="D44" s="19">
        <v>1404</v>
      </c>
      <c r="E44" s="19">
        <v>1543</v>
      </c>
      <c r="F44" s="19"/>
      <c r="G44" s="18" t="s">
        <v>86</v>
      </c>
      <c r="H44" s="17"/>
      <c r="I44" s="13">
        <v>2245</v>
      </c>
      <c r="J44" s="19">
        <v>1040</v>
      </c>
      <c r="K44" s="19">
        <v>1205</v>
      </c>
    </row>
    <row r="45" spans="1:11" ht="15" customHeight="1">
      <c r="A45" s="17" t="s">
        <v>87</v>
      </c>
      <c r="B45" s="17"/>
      <c r="C45" s="13">
        <v>3106</v>
      </c>
      <c r="D45" s="19">
        <v>1591</v>
      </c>
      <c r="E45" s="19">
        <v>1515</v>
      </c>
      <c r="F45" s="19"/>
      <c r="G45" s="18" t="s">
        <v>88</v>
      </c>
      <c r="H45" s="17"/>
      <c r="I45" s="13">
        <v>2278</v>
      </c>
      <c r="J45" s="19">
        <v>974</v>
      </c>
      <c r="K45" s="19">
        <v>1304</v>
      </c>
    </row>
    <row r="46" spans="1:11" ht="15" customHeight="1">
      <c r="A46" s="17" t="s">
        <v>89</v>
      </c>
      <c r="B46" s="17"/>
      <c r="C46" s="13">
        <v>3036</v>
      </c>
      <c r="D46" s="19">
        <v>1493</v>
      </c>
      <c r="E46" s="19">
        <v>1543</v>
      </c>
      <c r="F46" s="19"/>
      <c r="G46" s="18" t="s">
        <v>90</v>
      </c>
      <c r="H46" s="17"/>
      <c r="I46" s="13">
        <v>2155</v>
      </c>
      <c r="J46" s="19">
        <v>853</v>
      </c>
      <c r="K46" s="19">
        <v>1302</v>
      </c>
    </row>
    <row r="47" spans="1:11" ht="20.100000000000001" customHeight="1">
      <c r="A47" s="17" t="s">
        <v>91</v>
      </c>
      <c r="B47" s="17"/>
      <c r="C47" s="13">
        <v>16729</v>
      </c>
      <c r="D47" s="14">
        <v>8542</v>
      </c>
      <c r="E47" s="14">
        <v>8187</v>
      </c>
      <c r="F47" s="14"/>
      <c r="G47" s="18" t="s">
        <v>92</v>
      </c>
      <c r="H47" s="17"/>
      <c r="I47" s="13">
        <v>7420</v>
      </c>
      <c r="J47" s="14">
        <v>2900</v>
      </c>
      <c r="K47" s="14">
        <v>4520</v>
      </c>
    </row>
    <row r="48" spans="1:11" ht="15" customHeight="1">
      <c r="A48" s="17" t="s">
        <v>93</v>
      </c>
      <c r="B48" s="17"/>
      <c r="C48" s="13">
        <v>3273</v>
      </c>
      <c r="D48" s="19">
        <v>1686</v>
      </c>
      <c r="E48" s="19">
        <v>1587</v>
      </c>
      <c r="F48" s="19"/>
      <c r="G48" s="18" t="s">
        <v>94</v>
      </c>
      <c r="H48" s="17"/>
      <c r="I48" s="13">
        <v>2022</v>
      </c>
      <c r="J48" s="19">
        <v>849</v>
      </c>
      <c r="K48" s="19">
        <v>1173</v>
      </c>
    </row>
    <row r="49" spans="1:11" ht="15" customHeight="1">
      <c r="A49" s="17" t="s">
        <v>95</v>
      </c>
      <c r="B49" s="17"/>
      <c r="C49" s="13">
        <v>3334</v>
      </c>
      <c r="D49" s="19">
        <v>1678</v>
      </c>
      <c r="E49" s="19">
        <v>1656</v>
      </c>
      <c r="F49" s="19"/>
      <c r="G49" s="18" t="s">
        <v>96</v>
      </c>
      <c r="H49" s="17"/>
      <c r="I49" s="13">
        <v>1589</v>
      </c>
      <c r="J49" s="19">
        <v>641</v>
      </c>
      <c r="K49" s="19">
        <v>948</v>
      </c>
    </row>
    <row r="50" spans="1:11" ht="15" customHeight="1">
      <c r="A50" s="17" t="s">
        <v>97</v>
      </c>
      <c r="B50" s="17"/>
      <c r="C50" s="13">
        <v>3313</v>
      </c>
      <c r="D50" s="19">
        <v>1713</v>
      </c>
      <c r="E50" s="19">
        <v>1600</v>
      </c>
      <c r="F50" s="19"/>
      <c r="G50" s="18" t="s">
        <v>98</v>
      </c>
      <c r="H50" s="17"/>
      <c r="I50" s="13">
        <v>1495</v>
      </c>
      <c r="J50" s="19">
        <v>577</v>
      </c>
      <c r="K50" s="19">
        <v>918</v>
      </c>
    </row>
    <row r="51" spans="1:11" ht="15" customHeight="1">
      <c r="A51" s="17" t="s">
        <v>99</v>
      </c>
      <c r="B51" s="17"/>
      <c r="C51" s="13">
        <v>3393</v>
      </c>
      <c r="D51" s="19">
        <v>1718</v>
      </c>
      <c r="E51" s="19">
        <v>1675</v>
      </c>
      <c r="F51" s="19"/>
      <c r="G51" s="18" t="s">
        <v>100</v>
      </c>
      <c r="H51" s="17"/>
      <c r="I51" s="13">
        <v>1297</v>
      </c>
      <c r="J51" s="19">
        <v>489</v>
      </c>
      <c r="K51" s="19">
        <v>808</v>
      </c>
    </row>
    <row r="52" spans="1:11" ht="15" customHeight="1">
      <c r="A52" s="17" t="s">
        <v>101</v>
      </c>
      <c r="B52" s="17"/>
      <c r="C52" s="13">
        <v>3416</v>
      </c>
      <c r="D52" s="19">
        <v>1747</v>
      </c>
      <c r="E52" s="19">
        <v>1669</v>
      </c>
      <c r="F52" s="19"/>
      <c r="G52" s="18" t="s">
        <v>102</v>
      </c>
      <c r="H52" s="17"/>
      <c r="I52" s="13">
        <v>1017</v>
      </c>
      <c r="J52" s="19">
        <v>344</v>
      </c>
      <c r="K52" s="19">
        <v>673</v>
      </c>
    </row>
    <row r="53" spans="1:11" ht="20.100000000000001" customHeight="1">
      <c r="A53" s="17" t="s">
        <v>103</v>
      </c>
      <c r="B53" s="17"/>
      <c r="C53" s="13">
        <v>19700</v>
      </c>
      <c r="D53" s="14">
        <v>10013</v>
      </c>
      <c r="E53" s="14">
        <v>9687</v>
      </c>
      <c r="F53" s="14"/>
      <c r="G53" s="18" t="s">
        <v>104</v>
      </c>
      <c r="H53" s="17"/>
      <c r="I53" s="13">
        <v>3278</v>
      </c>
      <c r="J53" s="14">
        <v>964</v>
      </c>
      <c r="K53" s="14">
        <v>2314</v>
      </c>
    </row>
    <row r="54" spans="1:11" ht="15" customHeight="1">
      <c r="A54" s="17" t="s">
        <v>105</v>
      </c>
      <c r="B54" s="17"/>
      <c r="C54" s="13">
        <v>3552</v>
      </c>
      <c r="D54" s="19">
        <v>1800</v>
      </c>
      <c r="E54" s="19">
        <v>1752</v>
      </c>
      <c r="F54" s="19"/>
      <c r="G54" s="18" t="s">
        <v>106</v>
      </c>
      <c r="H54" s="17"/>
      <c r="I54" s="13">
        <v>967</v>
      </c>
      <c r="J54" s="19">
        <v>292</v>
      </c>
      <c r="K54" s="19">
        <v>675</v>
      </c>
    </row>
    <row r="55" spans="1:11" ht="15" customHeight="1">
      <c r="A55" s="17" t="s">
        <v>107</v>
      </c>
      <c r="B55" s="17"/>
      <c r="C55" s="13">
        <v>3811</v>
      </c>
      <c r="D55" s="19">
        <v>1917</v>
      </c>
      <c r="E55" s="19">
        <v>1894</v>
      </c>
      <c r="F55" s="19"/>
      <c r="G55" s="18" t="s">
        <v>108</v>
      </c>
      <c r="H55" s="17"/>
      <c r="I55" s="13">
        <v>757</v>
      </c>
      <c r="J55" s="19">
        <v>229</v>
      </c>
      <c r="K55" s="19">
        <v>528</v>
      </c>
    </row>
    <row r="56" spans="1:11" ht="15" customHeight="1">
      <c r="A56" s="17" t="s">
        <v>109</v>
      </c>
      <c r="B56" s="17"/>
      <c r="C56" s="13">
        <v>3863</v>
      </c>
      <c r="D56" s="19">
        <v>1997</v>
      </c>
      <c r="E56" s="19">
        <v>1866</v>
      </c>
      <c r="F56" s="19"/>
      <c r="G56" s="18" t="s">
        <v>110</v>
      </c>
      <c r="H56" s="17"/>
      <c r="I56" s="13">
        <v>661</v>
      </c>
      <c r="J56" s="19">
        <v>188</v>
      </c>
      <c r="K56" s="19">
        <v>473</v>
      </c>
    </row>
    <row r="57" spans="1:11" ht="15" customHeight="1">
      <c r="A57" s="17" t="s">
        <v>111</v>
      </c>
      <c r="B57" s="17"/>
      <c r="C57" s="13">
        <v>4102</v>
      </c>
      <c r="D57" s="19">
        <v>2102</v>
      </c>
      <c r="E57" s="19">
        <v>2000</v>
      </c>
      <c r="F57" s="19"/>
      <c r="G57" s="18" t="s">
        <v>112</v>
      </c>
      <c r="H57" s="17"/>
      <c r="I57" s="13">
        <v>479</v>
      </c>
      <c r="J57" s="19">
        <v>149</v>
      </c>
      <c r="K57" s="19">
        <v>330</v>
      </c>
    </row>
    <row r="58" spans="1:11" ht="15" customHeight="1">
      <c r="A58" s="17" t="s">
        <v>113</v>
      </c>
      <c r="B58" s="17"/>
      <c r="C58" s="13">
        <v>4372</v>
      </c>
      <c r="D58" s="19">
        <v>2197</v>
      </c>
      <c r="E58" s="19">
        <v>2175</v>
      </c>
      <c r="F58" s="19"/>
      <c r="G58" s="18" t="s">
        <v>114</v>
      </c>
      <c r="H58" s="17"/>
      <c r="I58" s="13">
        <v>414</v>
      </c>
      <c r="J58" s="19">
        <v>106</v>
      </c>
      <c r="K58" s="19">
        <v>308</v>
      </c>
    </row>
    <row r="59" spans="1:11" ht="20.100000000000001" customHeight="1">
      <c r="A59" s="17" t="s">
        <v>115</v>
      </c>
      <c r="B59" s="17"/>
      <c r="C59" s="13">
        <v>23797</v>
      </c>
      <c r="D59" s="14">
        <v>11849</v>
      </c>
      <c r="E59" s="14">
        <v>11948</v>
      </c>
      <c r="F59" s="14"/>
      <c r="G59" s="18" t="s">
        <v>116</v>
      </c>
      <c r="H59" s="17"/>
      <c r="I59" s="13">
        <v>817</v>
      </c>
      <c r="J59" s="14">
        <v>174</v>
      </c>
      <c r="K59" s="14">
        <v>643</v>
      </c>
    </row>
    <row r="60" spans="1:11" ht="15" customHeight="1">
      <c r="A60" s="17" t="s">
        <v>117</v>
      </c>
      <c r="B60" s="17"/>
      <c r="C60" s="13">
        <v>4494</v>
      </c>
      <c r="D60" s="19">
        <v>2262</v>
      </c>
      <c r="E60" s="19">
        <v>2232</v>
      </c>
      <c r="F60" s="19"/>
      <c r="G60" s="18" t="s">
        <v>118</v>
      </c>
      <c r="H60" s="17"/>
      <c r="I60" s="13">
        <v>306</v>
      </c>
      <c r="J60" s="19">
        <v>73</v>
      </c>
      <c r="K60" s="19">
        <v>233</v>
      </c>
    </row>
    <row r="61" spans="1:11" ht="15" customHeight="1">
      <c r="A61" s="17" t="s">
        <v>119</v>
      </c>
      <c r="B61" s="17"/>
      <c r="C61" s="13">
        <v>4715</v>
      </c>
      <c r="D61" s="19">
        <v>2346</v>
      </c>
      <c r="E61" s="19">
        <v>2369</v>
      </c>
      <c r="F61" s="19"/>
      <c r="G61" s="18" t="s">
        <v>120</v>
      </c>
      <c r="H61" s="17"/>
      <c r="I61" s="13">
        <v>203</v>
      </c>
      <c r="J61" s="19">
        <v>42</v>
      </c>
      <c r="K61" s="19">
        <v>161</v>
      </c>
    </row>
    <row r="62" spans="1:11" ht="15" customHeight="1">
      <c r="A62" s="17" t="s">
        <v>121</v>
      </c>
      <c r="B62" s="17"/>
      <c r="C62" s="13">
        <v>4941</v>
      </c>
      <c r="D62" s="19">
        <v>2443</v>
      </c>
      <c r="E62" s="19">
        <v>2498</v>
      </c>
      <c r="F62" s="19"/>
      <c r="G62" s="18" t="s">
        <v>122</v>
      </c>
      <c r="H62" s="17"/>
      <c r="I62" s="13">
        <v>148</v>
      </c>
      <c r="J62" s="19">
        <v>26</v>
      </c>
      <c r="K62" s="19">
        <v>122</v>
      </c>
    </row>
    <row r="63" spans="1:11" ht="15" customHeight="1">
      <c r="A63" s="17" t="s">
        <v>123</v>
      </c>
      <c r="B63" s="17"/>
      <c r="C63" s="13">
        <v>4861</v>
      </c>
      <c r="D63" s="19">
        <v>2452</v>
      </c>
      <c r="E63" s="19">
        <v>2409</v>
      </c>
      <c r="F63" s="19"/>
      <c r="G63" s="18" t="s">
        <v>124</v>
      </c>
      <c r="H63" s="17"/>
      <c r="I63" s="13">
        <v>100</v>
      </c>
      <c r="J63" s="19">
        <v>21</v>
      </c>
      <c r="K63" s="19">
        <v>79</v>
      </c>
    </row>
    <row r="64" spans="1:11" ht="15" customHeight="1">
      <c r="A64" s="17" t="s">
        <v>125</v>
      </c>
      <c r="B64" s="17"/>
      <c r="C64" s="13">
        <v>4786</v>
      </c>
      <c r="D64" s="19">
        <v>2346</v>
      </c>
      <c r="E64" s="19">
        <v>2440</v>
      </c>
      <c r="F64" s="19"/>
      <c r="G64" s="18" t="s">
        <v>126</v>
      </c>
      <c r="H64" s="17"/>
      <c r="I64" s="13">
        <v>60</v>
      </c>
      <c r="J64" s="19">
        <v>12</v>
      </c>
      <c r="K64" s="19">
        <v>4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34</v>
      </c>
      <c r="J65" s="19">
        <v>13</v>
      </c>
      <c r="K65" s="19">
        <v>12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977</v>
      </c>
      <c r="J66" s="29">
        <v>2225</v>
      </c>
      <c r="K66" s="29">
        <v>275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15099</v>
      </c>
      <c r="D4" s="14">
        <v>104914</v>
      </c>
      <c r="E4" s="14">
        <v>11018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822</v>
      </c>
      <c r="D5" s="14">
        <v>3485</v>
      </c>
      <c r="E5" s="14">
        <v>3337</v>
      </c>
      <c r="F5" s="14"/>
      <c r="G5" s="18" t="s">
        <v>8</v>
      </c>
      <c r="H5" s="17"/>
      <c r="I5" s="13">
        <v>16955</v>
      </c>
      <c r="J5" s="14">
        <v>8513</v>
      </c>
      <c r="K5" s="14">
        <v>8442</v>
      </c>
    </row>
    <row r="6" spans="1:11" ht="15" customHeight="1">
      <c r="A6" s="17" t="s">
        <v>9</v>
      </c>
      <c r="B6" s="17"/>
      <c r="C6" s="13">
        <v>1314</v>
      </c>
      <c r="D6" s="19">
        <v>683</v>
      </c>
      <c r="E6" s="19">
        <v>631</v>
      </c>
      <c r="F6" s="19"/>
      <c r="G6" s="18" t="s">
        <v>10</v>
      </c>
      <c r="H6" s="17"/>
      <c r="I6" s="13">
        <v>3682</v>
      </c>
      <c r="J6" s="19">
        <v>1851</v>
      </c>
      <c r="K6" s="19">
        <v>1831</v>
      </c>
    </row>
    <row r="7" spans="1:11" ht="15" customHeight="1">
      <c r="A7" s="17" t="s">
        <v>11</v>
      </c>
      <c r="B7" s="17"/>
      <c r="C7" s="13">
        <v>1316</v>
      </c>
      <c r="D7" s="19">
        <v>656</v>
      </c>
      <c r="E7" s="19">
        <v>660</v>
      </c>
      <c r="F7" s="19"/>
      <c r="G7" s="18" t="s">
        <v>12</v>
      </c>
      <c r="H7" s="17"/>
      <c r="I7" s="13">
        <v>3596</v>
      </c>
      <c r="J7" s="19">
        <v>1772</v>
      </c>
      <c r="K7" s="19">
        <v>1824</v>
      </c>
    </row>
    <row r="8" spans="1:11" ht="15" customHeight="1">
      <c r="A8" s="17" t="s">
        <v>13</v>
      </c>
      <c r="B8" s="17"/>
      <c r="C8" s="13">
        <v>1371</v>
      </c>
      <c r="D8" s="19">
        <v>714</v>
      </c>
      <c r="E8" s="19">
        <v>657</v>
      </c>
      <c r="F8" s="19"/>
      <c r="G8" s="18" t="s">
        <v>14</v>
      </c>
      <c r="H8" s="17"/>
      <c r="I8" s="13">
        <v>3406</v>
      </c>
      <c r="J8" s="19">
        <v>1699</v>
      </c>
      <c r="K8" s="19">
        <v>1707</v>
      </c>
    </row>
    <row r="9" spans="1:11" ht="15" customHeight="1">
      <c r="A9" s="17" t="s">
        <v>15</v>
      </c>
      <c r="B9" s="17"/>
      <c r="C9" s="13">
        <v>1446</v>
      </c>
      <c r="D9" s="19">
        <v>737</v>
      </c>
      <c r="E9" s="19">
        <v>709</v>
      </c>
      <c r="F9" s="19"/>
      <c r="G9" s="18" t="s">
        <v>16</v>
      </c>
      <c r="H9" s="17"/>
      <c r="I9" s="13">
        <v>3667</v>
      </c>
      <c r="J9" s="19">
        <v>1881</v>
      </c>
      <c r="K9" s="19">
        <v>1786</v>
      </c>
    </row>
    <row r="10" spans="1:11" ht="15" customHeight="1">
      <c r="A10" s="17" t="s">
        <v>17</v>
      </c>
      <c r="B10" s="17"/>
      <c r="C10" s="13">
        <v>1375</v>
      </c>
      <c r="D10" s="19">
        <v>695</v>
      </c>
      <c r="E10" s="19">
        <v>680</v>
      </c>
      <c r="F10" s="19"/>
      <c r="G10" s="18" t="s">
        <v>18</v>
      </c>
      <c r="H10" s="17"/>
      <c r="I10" s="13">
        <v>2604</v>
      </c>
      <c r="J10" s="19">
        <v>1310</v>
      </c>
      <c r="K10" s="19">
        <v>1294</v>
      </c>
    </row>
    <row r="11" spans="1:11" ht="20.100000000000001" customHeight="1">
      <c r="A11" s="17" t="s">
        <v>19</v>
      </c>
      <c r="B11" s="17"/>
      <c r="C11" s="13">
        <v>7914</v>
      </c>
      <c r="D11" s="14">
        <v>4058</v>
      </c>
      <c r="E11" s="14">
        <v>3856</v>
      </c>
      <c r="F11" s="14"/>
      <c r="G11" s="18" t="s">
        <v>20</v>
      </c>
      <c r="H11" s="17"/>
      <c r="I11" s="13">
        <v>14835</v>
      </c>
      <c r="J11" s="14">
        <v>7444</v>
      </c>
      <c r="K11" s="14">
        <v>7391</v>
      </c>
    </row>
    <row r="12" spans="1:11" ht="15" customHeight="1">
      <c r="A12" s="17" t="s">
        <v>21</v>
      </c>
      <c r="B12" s="17"/>
      <c r="C12" s="13">
        <v>1436</v>
      </c>
      <c r="D12" s="19">
        <v>718</v>
      </c>
      <c r="E12" s="19">
        <v>718</v>
      </c>
      <c r="F12" s="19"/>
      <c r="G12" s="18" t="s">
        <v>22</v>
      </c>
      <c r="H12" s="17"/>
      <c r="I12" s="13">
        <v>3376</v>
      </c>
      <c r="J12" s="19">
        <v>1674</v>
      </c>
      <c r="K12" s="19">
        <v>1702</v>
      </c>
    </row>
    <row r="13" spans="1:11" ht="15" customHeight="1">
      <c r="A13" s="17" t="s">
        <v>23</v>
      </c>
      <c r="B13" s="17"/>
      <c r="C13" s="13">
        <v>1543</v>
      </c>
      <c r="D13" s="19">
        <v>803</v>
      </c>
      <c r="E13" s="19">
        <v>740</v>
      </c>
      <c r="F13" s="19"/>
      <c r="G13" s="18" t="s">
        <v>24</v>
      </c>
      <c r="H13" s="17"/>
      <c r="I13" s="13">
        <v>3155</v>
      </c>
      <c r="J13" s="19">
        <v>1609</v>
      </c>
      <c r="K13" s="19">
        <v>1546</v>
      </c>
    </row>
    <row r="14" spans="1:11" ht="15" customHeight="1">
      <c r="A14" s="17" t="s">
        <v>25</v>
      </c>
      <c r="B14" s="17"/>
      <c r="C14" s="13">
        <v>1632</v>
      </c>
      <c r="D14" s="19">
        <v>825</v>
      </c>
      <c r="E14" s="19">
        <v>807</v>
      </c>
      <c r="F14" s="19"/>
      <c r="G14" s="18" t="s">
        <v>26</v>
      </c>
      <c r="H14" s="17"/>
      <c r="I14" s="13">
        <v>2880</v>
      </c>
      <c r="J14" s="19">
        <v>1457</v>
      </c>
      <c r="K14" s="19">
        <v>1423</v>
      </c>
    </row>
    <row r="15" spans="1:11" ht="15" customHeight="1">
      <c r="A15" s="17" t="s">
        <v>27</v>
      </c>
      <c r="B15" s="17"/>
      <c r="C15" s="13">
        <v>1660</v>
      </c>
      <c r="D15" s="19">
        <v>877</v>
      </c>
      <c r="E15" s="19">
        <v>783</v>
      </c>
      <c r="F15" s="19"/>
      <c r="G15" s="18" t="s">
        <v>28</v>
      </c>
      <c r="H15" s="17"/>
      <c r="I15" s="13">
        <v>2750</v>
      </c>
      <c r="J15" s="19">
        <v>1361</v>
      </c>
      <c r="K15" s="19">
        <v>1389</v>
      </c>
    </row>
    <row r="16" spans="1:11" ht="15" customHeight="1">
      <c r="A16" s="17" t="s">
        <v>29</v>
      </c>
      <c r="B16" s="17"/>
      <c r="C16" s="13">
        <v>1643</v>
      </c>
      <c r="D16" s="19">
        <v>835</v>
      </c>
      <c r="E16" s="19">
        <v>808</v>
      </c>
      <c r="F16" s="19"/>
      <c r="G16" s="18" t="s">
        <v>30</v>
      </c>
      <c r="H16" s="17"/>
      <c r="I16" s="13">
        <v>2674</v>
      </c>
      <c r="J16" s="19">
        <v>1343</v>
      </c>
      <c r="K16" s="19">
        <v>1331</v>
      </c>
    </row>
    <row r="17" spans="1:11" ht="20.100000000000001" customHeight="1">
      <c r="A17" s="20" t="s">
        <v>31</v>
      </c>
      <c r="B17" s="20"/>
      <c r="C17" s="13">
        <v>8743</v>
      </c>
      <c r="D17" s="14">
        <v>4503</v>
      </c>
      <c r="E17" s="14">
        <v>4240</v>
      </c>
      <c r="F17" s="14"/>
      <c r="G17" s="18" t="s">
        <v>32</v>
      </c>
      <c r="H17" s="17"/>
      <c r="I17" s="13">
        <v>12027</v>
      </c>
      <c r="J17" s="14">
        <v>5925</v>
      </c>
      <c r="K17" s="14">
        <v>6102</v>
      </c>
    </row>
    <row r="18" spans="1:11" ht="15" customHeight="1">
      <c r="A18" s="17" t="s">
        <v>33</v>
      </c>
      <c r="B18" s="17"/>
      <c r="C18" s="13">
        <v>1736</v>
      </c>
      <c r="D18" s="19">
        <v>880</v>
      </c>
      <c r="E18" s="19">
        <v>856</v>
      </c>
      <c r="F18" s="19"/>
      <c r="G18" s="18" t="s">
        <v>34</v>
      </c>
      <c r="H18" s="17"/>
      <c r="I18" s="13">
        <v>2541</v>
      </c>
      <c r="J18" s="19">
        <v>1256</v>
      </c>
      <c r="K18" s="19">
        <v>1285</v>
      </c>
    </row>
    <row r="19" spans="1:11" ht="15" customHeight="1">
      <c r="A19" s="17" t="s">
        <v>35</v>
      </c>
      <c r="B19" s="17"/>
      <c r="C19" s="13">
        <v>1795</v>
      </c>
      <c r="D19" s="19">
        <v>906</v>
      </c>
      <c r="E19" s="19">
        <v>889</v>
      </c>
      <c r="F19" s="19"/>
      <c r="G19" s="18" t="s">
        <v>36</v>
      </c>
      <c r="H19" s="17"/>
      <c r="I19" s="13">
        <v>2530</v>
      </c>
      <c r="J19" s="19">
        <v>1230</v>
      </c>
      <c r="K19" s="19">
        <v>1300</v>
      </c>
    </row>
    <row r="20" spans="1:11" ht="15" customHeight="1">
      <c r="A20" s="17" t="s">
        <v>37</v>
      </c>
      <c r="B20" s="17"/>
      <c r="C20" s="13">
        <v>1712</v>
      </c>
      <c r="D20" s="19">
        <v>888</v>
      </c>
      <c r="E20" s="19">
        <v>824</v>
      </c>
      <c r="F20" s="19"/>
      <c r="G20" s="18" t="s">
        <v>38</v>
      </c>
      <c r="H20" s="17"/>
      <c r="I20" s="13">
        <v>2426</v>
      </c>
      <c r="J20" s="19">
        <v>1213</v>
      </c>
      <c r="K20" s="19">
        <v>1213</v>
      </c>
    </row>
    <row r="21" spans="1:11" ht="15" customHeight="1">
      <c r="A21" s="17" t="s">
        <v>39</v>
      </c>
      <c r="B21" s="17"/>
      <c r="C21" s="13">
        <v>1682</v>
      </c>
      <c r="D21" s="19">
        <v>868</v>
      </c>
      <c r="E21" s="19">
        <v>814</v>
      </c>
      <c r="F21" s="19"/>
      <c r="G21" s="18" t="s">
        <v>40</v>
      </c>
      <c r="H21" s="17"/>
      <c r="I21" s="13">
        <v>2278</v>
      </c>
      <c r="J21" s="19">
        <v>1103</v>
      </c>
      <c r="K21" s="19">
        <v>1175</v>
      </c>
    </row>
    <row r="22" spans="1:11" ht="15" customHeight="1">
      <c r="A22" s="17" t="s">
        <v>41</v>
      </c>
      <c r="B22" s="17"/>
      <c r="C22" s="13">
        <v>1818</v>
      </c>
      <c r="D22" s="19">
        <v>961</v>
      </c>
      <c r="E22" s="19">
        <v>857</v>
      </c>
      <c r="F22" s="19"/>
      <c r="G22" s="18" t="s">
        <v>42</v>
      </c>
      <c r="H22" s="17"/>
      <c r="I22" s="13">
        <v>2252</v>
      </c>
      <c r="J22" s="19">
        <v>1123</v>
      </c>
      <c r="K22" s="19">
        <v>1129</v>
      </c>
    </row>
    <row r="23" spans="1:11" ht="20.100000000000001" customHeight="1">
      <c r="A23" s="17" t="s">
        <v>43</v>
      </c>
      <c r="B23" s="17"/>
      <c r="C23" s="13">
        <v>9307</v>
      </c>
      <c r="D23" s="14">
        <v>4667</v>
      </c>
      <c r="E23" s="14">
        <v>4640</v>
      </c>
      <c r="F23" s="14"/>
      <c r="G23" s="18" t="s">
        <v>44</v>
      </c>
      <c r="H23" s="17"/>
      <c r="I23" s="13">
        <v>12586</v>
      </c>
      <c r="J23" s="14">
        <v>6045</v>
      </c>
      <c r="K23" s="14">
        <v>6541</v>
      </c>
    </row>
    <row r="24" spans="1:11" ht="15" customHeight="1">
      <c r="A24" s="17" t="s">
        <v>45</v>
      </c>
      <c r="B24" s="17"/>
      <c r="C24" s="13">
        <v>1694</v>
      </c>
      <c r="D24" s="19">
        <v>843</v>
      </c>
      <c r="E24" s="19">
        <v>851</v>
      </c>
      <c r="F24" s="19"/>
      <c r="G24" s="18" t="s">
        <v>46</v>
      </c>
      <c r="H24" s="17"/>
      <c r="I24" s="13">
        <v>2452</v>
      </c>
      <c r="J24" s="19">
        <v>1163</v>
      </c>
      <c r="K24" s="19">
        <v>1289</v>
      </c>
    </row>
    <row r="25" spans="1:11" ht="15" customHeight="1">
      <c r="A25" s="17" t="s">
        <v>47</v>
      </c>
      <c r="B25" s="17"/>
      <c r="C25" s="13">
        <v>1950</v>
      </c>
      <c r="D25" s="19">
        <v>1028</v>
      </c>
      <c r="E25" s="19">
        <v>922</v>
      </c>
      <c r="F25" s="19"/>
      <c r="G25" s="18" t="s">
        <v>48</v>
      </c>
      <c r="H25" s="17"/>
      <c r="I25" s="13">
        <v>2327</v>
      </c>
      <c r="J25" s="19">
        <v>1110</v>
      </c>
      <c r="K25" s="19">
        <v>1217</v>
      </c>
    </row>
    <row r="26" spans="1:11" ht="15" customHeight="1">
      <c r="A26" s="17" t="s">
        <v>49</v>
      </c>
      <c r="B26" s="17"/>
      <c r="C26" s="13">
        <v>1866</v>
      </c>
      <c r="D26" s="19">
        <v>914</v>
      </c>
      <c r="E26" s="19">
        <v>952</v>
      </c>
      <c r="F26" s="19"/>
      <c r="G26" s="18" t="s">
        <v>50</v>
      </c>
      <c r="H26" s="17"/>
      <c r="I26" s="13">
        <v>2402</v>
      </c>
      <c r="J26" s="19">
        <v>1170</v>
      </c>
      <c r="K26" s="19">
        <v>1232</v>
      </c>
    </row>
    <row r="27" spans="1:11" ht="15" customHeight="1">
      <c r="A27" s="17" t="s">
        <v>51</v>
      </c>
      <c r="B27" s="17"/>
      <c r="C27" s="13">
        <v>1876</v>
      </c>
      <c r="D27" s="19">
        <v>915</v>
      </c>
      <c r="E27" s="19">
        <v>961</v>
      </c>
      <c r="F27" s="19"/>
      <c r="G27" s="18" t="s">
        <v>52</v>
      </c>
      <c r="H27" s="17"/>
      <c r="I27" s="13">
        <v>2601</v>
      </c>
      <c r="J27" s="19">
        <v>1232</v>
      </c>
      <c r="K27" s="19">
        <v>1369</v>
      </c>
    </row>
    <row r="28" spans="1:11" ht="15" customHeight="1">
      <c r="A28" s="17" t="s">
        <v>53</v>
      </c>
      <c r="B28" s="17"/>
      <c r="C28" s="13">
        <v>1921</v>
      </c>
      <c r="D28" s="19">
        <v>967</v>
      </c>
      <c r="E28" s="19">
        <v>954</v>
      </c>
      <c r="F28" s="19"/>
      <c r="G28" s="18" t="s">
        <v>54</v>
      </c>
      <c r="H28" s="17"/>
      <c r="I28" s="13">
        <v>2804</v>
      </c>
      <c r="J28" s="19">
        <v>1370</v>
      </c>
      <c r="K28" s="19">
        <v>1434</v>
      </c>
    </row>
    <row r="29" spans="1:11" ht="20.100000000000001" customHeight="1">
      <c r="A29" s="17" t="s">
        <v>55</v>
      </c>
      <c r="B29" s="17"/>
      <c r="C29" s="13">
        <v>10124</v>
      </c>
      <c r="D29" s="14">
        <v>5140</v>
      </c>
      <c r="E29" s="14">
        <v>4984</v>
      </c>
      <c r="F29" s="14"/>
      <c r="G29" s="18" t="s">
        <v>56</v>
      </c>
      <c r="H29" s="17"/>
      <c r="I29" s="13">
        <v>15706</v>
      </c>
      <c r="J29" s="14">
        <v>7195</v>
      </c>
      <c r="K29" s="14">
        <v>8511</v>
      </c>
    </row>
    <row r="30" spans="1:11" ht="15" customHeight="1">
      <c r="A30" s="17" t="s">
        <v>57</v>
      </c>
      <c r="B30" s="17"/>
      <c r="C30" s="13">
        <v>2012</v>
      </c>
      <c r="D30" s="19">
        <v>1012</v>
      </c>
      <c r="E30" s="19">
        <v>1000</v>
      </c>
      <c r="F30" s="19"/>
      <c r="G30" s="18" t="s">
        <v>58</v>
      </c>
      <c r="H30" s="17"/>
      <c r="I30" s="13">
        <v>3023</v>
      </c>
      <c r="J30" s="19">
        <v>1445</v>
      </c>
      <c r="K30" s="19">
        <v>1578</v>
      </c>
    </row>
    <row r="31" spans="1:11" ht="15" customHeight="1">
      <c r="A31" s="17" t="s">
        <v>59</v>
      </c>
      <c r="B31" s="17"/>
      <c r="C31" s="13">
        <v>1980</v>
      </c>
      <c r="D31" s="19">
        <v>971</v>
      </c>
      <c r="E31" s="19">
        <v>1009</v>
      </c>
      <c r="F31" s="19"/>
      <c r="G31" s="18" t="s">
        <v>60</v>
      </c>
      <c r="H31" s="17"/>
      <c r="I31" s="13">
        <v>3433</v>
      </c>
      <c r="J31" s="19">
        <v>1574</v>
      </c>
      <c r="K31" s="19">
        <v>1859</v>
      </c>
    </row>
    <row r="32" spans="1:11" ht="15" customHeight="1">
      <c r="A32" s="17" t="s">
        <v>61</v>
      </c>
      <c r="B32" s="17"/>
      <c r="C32" s="13">
        <v>2081</v>
      </c>
      <c r="D32" s="19">
        <v>1053</v>
      </c>
      <c r="E32" s="19">
        <v>1028</v>
      </c>
      <c r="F32" s="19"/>
      <c r="G32" s="18" t="s">
        <v>62</v>
      </c>
      <c r="H32" s="17"/>
      <c r="I32" s="13">
        <v>3446</v>
      </c>
      <c r="J32" s="19">
        <v>1567</v>
      </c>
      <c r="K32" s="19">
        <v>1879</v>
      </c>
    </row>
    <row r="33" spans="1:11" ht="15" customHeight="1">
      <c r="A33" s="17" t="s">
        <v>63</v>
      </c>
      <c r="B33" s="17"/>
      <c r="C33" s="13">
        <v>2020</v>
      </c>
      <c r="D33" s="19">
        <v>1096</v>
      </c>
      <c r="E33" s="19">
        <v>924</v>
      </c>
      <c r="F33" s="19"/>
      <c r="G33" s="18" t="s">
        <v>64</v>
      </c>
      <c r="H33" s="17"/>
      <c r="I33" s="13">
        <v>3422</v>
      </c>
      <c r="J33" s="19">
        <v>1580</v>
      </c>
      <c r="K33" s="19">
        <v>1842</v>
      </c>
    </row>
    <row r="34" spans="1:11" ht="15" customHeight="1">
      <c r="A34" s="17" t="s">
        <v>65</v>
      </c>
      <c r="B34" s="17"/>
      <c r="C34" s="13">
        <v>2031</v>
      </c>
      <c r="D34" s="19">
        <v>1008</v>
      </c>
      <c r="E34" s="19">
        <v>1023</v>
      </c>
      <c r="F34" s="19"/>
      <c r="G34" s="18" t="s">
        <v>66</v>
      </c>
      <c r="H34" s="17"/>
      <c r="I34" s="13">
        <v>2382</v>
      </c>
      <c r="J34" s="19">
        <v>1029</v>
      </c>
      <c r="K34" s="19">
        <v>1353</v>
      </c>
    </row>
    <row r="35" spans="1:11" ht="20.100000000000001" customHeight="1">
      <c r="A35" s="17" t="s">
        <v>67</v>
      </c>
      <c r="B35" s="17"/>
      <c r="C35" s="13">
        <v>9716</v>
      </c>
      <c r="D35" s="14">
        <v>4755</v>
      </c>
      <c r="E35" s="14">
        <v>4961</v>
      </c>
      <c r="F35" s="14"/>
      <c r="G35" s="18" t="s">
        <v>68</v>
      </c>
      <c r="H35" s="17"/>
      <c r="I35" s="13">
        <v>13158</v>
      </c>
      <c r="J35" s="14">
        <v>5730</v>
      </c>
      <c r="K35" s="14">
        <v>7428</v>
      </c>
    </row>
    <row r="36" spans="1:11" ht="15" customHeight="1">
      <c r="A36" s="17" t="s">
        <v>69</v>
      </c>
      <c r="B36" s="17"/>
      <c r="C36" s="13">
        <v>1953</v>
      </c>
      <c r="D36" s="19">
        <v>928</v>
      </c>
      <c r="E36" s="19">
        <v>1025</v>
      </c>
      <c r="F36" s="19"/>
      <c r="G36" s="18" t="s">
        <v>70</v>
      </c>
      <c r="H36" s="17"/>
      <c r="I36" s="13">
        <v>2194</v>
      </c>
      <c r="J36" s="19">
        <v>994</v>
      </c>
      <c r="K36" s="19">
        <v>1200</v>
      </c>
    </row>
    <row r="37" spans="1:11" ht="15" customHeight="1">
      <c r="A37" s="17" t="s">
        <v>71</v>
      </c>
      <c r="B37" s="17"/>
      <c r="C37" s="13">
        <v>2002</v>
      </c>
      <c r="D37" s="19">
        <v>964</v>
      </c>
      <c r="E37" s="19">
        <v>1038</v>
      </c>
      <c r="F37" s="19"/>
      <c r="G37" s="18" t="s">
        <v>72</v>
      </c>
      <c r="H37" s="17"/>
      <c r="I37" s="13">
        <v>2627</v>
      </c>
      <c r="J37" s="19">
        <v>1118</v>
      </c>
      <c r="K37" s="19">
        <v>1509</v>
      </c>
    </row>
    <row r="38" spans="1:11" ht="15" customHeight="1">
      <c r="A38" s="17" t="s">
        <v>73</v>
      </c>
      <c r="B38" s="17"/>
      <c r="C38" s="13">
        <v>1880</v>
      </c>
      <c r="D38" s="19">
        <v>912</v>
      </c>
      <c r="E38" s="19">
        <v>968</v>
      </c>
      <c r="F38" s="19"/>
      <c r="G38" s="18" t="s">
        <v>74</v>
      </c>
      <c r="H38" s="17"/>
      <c r="I38" s="13">
        <v>2890</v>
      </c>
      <c r="J38" s="19">
        <v>1274</v>
      </c>
      <c r="K38" s="19">
        <v>1616</v>
      </c>
    </row>
    <row r="39" spans="1:11" ht="15" customHeight="1">
      <c r="A39" s="17" t="s">
        <v>75</v>
      </c>
      <c r="B39" s="17"/>
      <c r="C39" s="13">
        <v>1923</v>
      </c>
      <c r="D39" s="19">
        <v>950</v>
      </c>
      <c r="E39" s="19">
        <v>973</v>
      </c>
      <c r="F39" s="19"/>
      <c r="G39" s="18" t="s">
        <v>76</v>
      </c>
      <c r="H39" s="17"/>
      <c r="I39" s="13">
        <v>2724</v>
      </c>
      <c r="J39" s="19">
        <v>1190</v>
      </c>
      <c r="K39" s="19">
        <v>1534</v>
      </c>
    </row>
    <row r="40" spans="1:11" ht="15" customHeight="1">
      <c r="A40" s="17" t="s">
        <v>77</v>
      </c>
      <c r="B40" s="17"/>
      <c r="C40" s="13">
        <v>1958</v>
      </c>
      <c r="D40" s="19">
        <v>1001</v>
      </c>
      <c r="E40" s="19">
        <v>957</v>
      </c>
      <c r="F40" s="19"/>
      <c r="G40" s="18" t="s">
        <v>78</v>
      </c>
      <c r="H40" s="17"/>
      <c r="I40" s="13">
        <v>2723</v>
      </c>
      <c r="J40" s="19">
        <v>1154</v>
      </c>
      <c r="K40" s="19">
        <v>1569</v>
      </c>
    </row>
    <row r="41" spans="1:11" ht="20.100000000000001" customHeight="1">
      <c r="A41" s="17" t="s">
        <v>79</v>
      </c>
      <c r="B41" s="17"/>
      <c r="C41" s="13">
        <v>10222</v>
      </c>
      <c r="D41" s="14">
        <v>5264</v>
      </c>
      <c r="E41" s="14">
        <v>4958</v>
      </c>
      <c r="F41" s="14"/>
      <c r="G41" s="18" t="s">
        <v>80</v>
      </c>
      <c r="H41" s="17"/>
      <c r="I41" s="13">
        <v>10249</v>
      </c>
      <c r="J41" s="14">
        <v>4465</v>
      </c>
      <c r="K41" s="14">
        <v>5784</v>
      </c>
    </row>
    <row r="42" spans="1:11" ht="15" customHeight="1">
      <c r="A42" s="17" t="s">
        <v>81</v>
      </c>
      <c r="B42" s="17"/>
      <c r="C42" s="13">
        <v>1909</v>
      </c>
      <c r="D42" s="19">
        <v>984</v>
      </c>
      <c r="E42" s="19">
        <v>925</v>
      </c>
      <c r="F42" s="19"/>
      <c r="G42" s="18" t="s">
        <v>82</v>
      </c>
      <c r="H42" s="17"/>
      <c r="I42" s="13">
        <v>2411</v>
      </c>
      <c r="J42" s="19">
        <v>1049</v>
      </c>
      <c r="K42" s="19">
        <v>1362</v>
      </c>
    </row>
    <row r="43" spans="1:11" ht="15" customHeight="1">
      <c r="A43" s="17" t="s">
        <v>83</v>
      </c>
      <c r="B43" s="17"/>
      <c r="C43" s="13">
        <v>1998</v>
      </c>
      <c r="D43" s="19">
        <v>1029</v>
      </c>
      <c r="E43" s="19">
        <v>969</v>
      </c>
      <c r="F43" s="19"/>
      <c r="G43" s="18" t="s">
        <v>84</v>
      </c>
      <c r="H43" s="17"/>
      <c r="I43" s="13">
        <v>1942</v>
      </c>
      <c r="J43" s="19">
        <v>874</v>
      </c>
      <c r="K43" s="19">
        <v>1068</v>
      </c>
    </row>
    <row r="44" spans="1:11" ht="15" customHeight="1">
      <c r="A44" s="17" t="s">
        <v>85</v>
      </c>
      <c r="B44" s="17"/>
      <c r="C44" s="13">
        <v>2151</v>
      </c>
      <c r="D44" s="19">
        <v>1098</v>
      </c>
      <c r="E44" s="19">
        <v>1053</v>
      </c>
      <c r="F44" s="19"/>
      <c r="G44" s="18" t="s">
        <v>86</v>
      </c>
      <c r="H44" s="17"/>
      <c r="I44" s="13">
        <v>2017</v>
      </c>
      <c r="J44" s="19">
        <v>898</v>
      </c>
      <c r="K44" s="19">
        <v>1119</v>
      </c>
    </row>
    <row r="45" spans="1:11" ht="15" customHeight="1">
      <c r="A45" s="17" t="s">
        <v>87</v>
      </c>
      <c r="B45" s="17"/>
      <c r="C45" s="13">
        <v>2046</v>
      </c>
      <c r="D45" s="19">
        <v>1006</v>
      </c>
      <c r="E45" s="19">
        <v>1040</v>
      </c>
      <c r="F45" s="19"/>
      <c r="G45" s="18" t="s">
        <v>88</v>
      </c>
      <c r="H45" s="17"/>
      <c r="I45" s="13">
        <v>2036</v>
      </c>
      <c r="J45" s="19">
        <v>868</v>
      </c>
      <c r="K45" s="19">
        <v>1168</v>
      </c>
    </row>
    <row r="46" spans="1:11" ht="15" customHeight="1">
      <c r="A46" s="17" t="s">
        <v>89</v>
      </c>
      <c r="B46" s="17"/>
      <c r="C46" s="13">
        <v>2118</v>
      </c>
      <c r="D46" s="19">
        <v>1147</v>
      </c>
      <c r="E46" s="19">
        <v>971</v>
      </c>
      <c r="F46" s="19"/>
      <c r="G46" s="18" t="s">
        <v>90</v>
      </c>
      <c r="H46" s="17"/>
      <c r="I46" s="13">
        <v>1843</v>
      </c>
      <c r="J46" s="19">
        <v>776</v>
      </c>
      <c r="K46" s="19">
        <v>1067</v>
      </c>
    </row>
    <row r="47" spans="1:11" ht="20.100000000000001" customHeight="1">
      <c r="A47" s="17" t="s">
        <v>91</v>
      </c>
      <c r="B47" s="17"/>
      <c r="C47" s="13">
        <v>11646</v>
      </c>
      <c r="D47" s="14">
        <v>6003</v>
      </c>
      <c r="E47" s="14">
        <v>5643</v>
      </c>
      <c r="F47" s="14"/>
      <c r="G47" s="18" t="s">
        <v>92</v>
      </c>
      <c r="H47" s="17"/>
      <c r="I47" s="13">
        <v>6578</v>
      </c>
      <c r="J47" s="14">
        <v>2562</v>
      </c>
      <c r="K47" s="14">
        <v>4016</v>
      </c>
    </row>
    <row r="48" spans="1:11" ht="15" customHeight="1">
      <c r="A48" s="17" t="s">
        <v>93</v>
      </c>
      <c r="B48" s="17"/>
      <c r="C48" s="13">
        <v>2171</v>
      </c>
      <c r="D48" s="19">
        <v>1127</v>
      </c>
      <c r="E48" s="19">
        <v>1044</v>
      </c>
      <c r="F48" s="19"/>
      <c r="G48" s="18" t="s">
        <v>94</v>
      </c>
      <c r="H48" s="17"/>
      <c r="I48" s="13">
        <v>1785</v>
      </c>
      <c r="J48" s="19">
        <v>733</v>
      </c>
      <c r="K48" s="19">
        <v>1052</v>
      </c>
    </row>
    <row r="49" spans="1:11" ht="15" customHeight="1">
      <c r="A49" s="17" t="s">
        <v>95</v>
      </c>
      <c r="B49" s="17"/>
      <c r="C49" s="13">
        <v>2301</v>
      </c>
      <c r="D49" s="19">
        <v>1193</v>
      </c>
      <c r="E49" s="19">
        <v>1108</v>
      </c>
      <c r="F49" s="19"/>
      <c r="G49" s="18" t="s">
        <v>96</v>
      </c>
      <c r="H49" s="17"/>
      <c r="I49" s="13">
        <v>1423</v>
      </c>
      <c r="J49" s="19">
        <v>566</v>
      </c>
      <c r="K49" s="19">
        <v>857</v>
      </c>
    </row>
    <row r="50" spans="1:11" ht="15" customHeight="1">
      <c r="A50" s="17" t="s">
        <v>97</v>
      </c>
      <c r="B50" s="17"/>
      <c r="C50" s="13">
        <v>2426</v>
      </c>
      <c r="D50" s="19">
        <v>1209</v>
      </c>
      <c r="E50" s="19">
        <v>1217</v>
      </c>
      <c r="F50" s="19"/>
      <c r="G50" s="18" t="s">
        <v>98</v>
      </c>
      <c r="H50" s="17"/>
      <c r="I50" s="13">
        <v>1269</v>
      </c>
      <c r="J50" s="19">
        <v>481</v>
      </c>
      <c r="K50" s="19">
        <v>788</v>
      </c>
    </row>
    <row r="51" spans="1:11" ht="15" customHeight="1">
      <c r="A51" s="17" t="s">
        <v>99</v>
      </c>
      <c r="B51" s="17"/>
      <c r="C51" s="13">
        <v>2334</v>
      </c>
      <c r="D51" s="19">
        <v>1223</v>
      </c>
      <c r="E51" s="19">
        <v>1111</v>
      </c>
      <c r="F51" s="19"/>
      <c r="G51" s="18" t="s">
        <v>100</v>
      </c>
      <c r="H51" s="17"/>
      <c r="I51" s="13">
        <v>1158</v>
      </c>
      <c r="J51" s="19">
        <v>411</v>
      </c>
      <c r="K51" s="19">
        <v>747</v>
      </c>
    </row>
    <row r="52" spans="1:11" ht="15" customHeight="1">
      <c r="A52" s="17" t="s">
        <v>101</v>
      </c>
      <c r="B52" s="17"/>
      <c r="C52" s="13">
        <v>2414</v>
      </c>
      <c r="D52" s="19">
        <v>1251</v>
      </c>
      <c r="E52" s="19">
        <v>1163</v>
      </c>
      <c r="F52" s="19"/>
      <c r="G52" s="18" t="s">
        <v>102</v>
      </c>
      <c r="H52" s="17"/>
      <c r="I52" s="13">
        <v>943</v>
      </c>
      <c r="J52" s="19">
        <v>371</v>
      </c>
      <c r="K52" s="19">
        <v>572</v>
      </c>
    </row>
    <row r="53" spans="1:11" ht="20.100000000000001" customHeight="1">
      <c r="A53" s="17" t="s">
        <v>103</v>
      </c>
      <c r="B53" s="17"/>
      <c r="C53" s="13">
        <v>13671</v>
      </c>
      <c r="D53" s="14">
        <v>6961</v>
      </c>
      <c r="E53" s="14">
        <v>6710</v>
      </c>
      <c r="F53" s="14"/>
      <c r="G53" s="18" t="s">
        <v>104</v>
      </c>
      <c r="H53" s="17"/>
      <c r="I53" s="13">
        <v>2578</v>
      </c>
      <c r="J53" s="14">
        <v>819</v>
      </c>
      <c r="K53" s="14">
        <v>1759</v>
      </c>
    </row>
    <row r="54" spans="1:11" ht="15" customHeight="1">
      <c r="A54" s="17" t="s">
        <v>105</v>
      </c>
      <c r="B54" s="17"/>
      <c r="C54" s="13">
        <v>2560</v>
      </c>
      <c r="D54" s="19">
        <v>1275</v>
      </c>
      <c r="E54" s="19">
        <v>1285</v>
      </c>
      <c r="F54" s="19"/>
      <c r="G54" s="18" t="s">
        <v>106</v>
      </c>
      <c r="H54" s="17"/>
      <c r="I54" s="13">
        <v>773</v>
      </c>
      <c r="J54" s="19">
        <v>271</v>
      </c>
      <c r="K54" s="19">
        <v>502</v>
      </c>
    </row>
    <row r="55" spans="1:11" ht="15" customHeight="1">
      <c r="A55" s="17" t="s">
        <v>107</v>
      </c>
      <c r="B55" s="17"/>
      <c r="C55" s="13">
        <v>2628</v>
      </c>
      <c r="D55" s="19">
        <v>1364</v>
      </c>
      <c r="E55" s="19">
        <v>1264</v>
      </c>
      <c r="F55" s="19"/>
      <c r="G55" s="18" t="s">
        <v>108</v>
      </c>
      <c r="H55" s="17"/>
      <c r="I55" s="13">
        <v>642</v>
      </c>
      <c r="J55" s="19">
        <v>212</v>
      </c>
      <c r="K55" s="19">
        <v>430</v>
      </c>
    </row>
    <row r="56" spans="1:11" ht="15" customHeight="1">
      <c r="A56" s="17" t="s">
        <v>109</v>
      </c>
      <c r="B56" s="17"/>
      <c r="C56" s="13">
        <v>2644</v>
      </c>
      <c r="D56" s="19">
        <v>1304</v>
      </c>
      <c r="E56" s="19">
        <v>1340</v>
      </c>
      <c r="F56" s="19"/>
      <c r="G56" s="18" t="s">
        <v>110</v>
      </c>
      <c r="H56" s="17"/>
      <c r="I56" s="13">
        <v>506</v>
      </c>
      <c r="J56" s="19">
        <v>141</v>
      </c>
      <c r="K56" s="19">
        <v>365</v>
      </c>
    </row>
    <row r="57" spans="1:11" ht="15" customHeight="1">
      <c r="A57" s="17" t="s">
        <v>111</v>
      </c>
      <c r="B57" s="17"/>
      <c r="C57" s="13">
        <v>2851</v>
      </c>
      <c r="D57" s="19">
        <v>1503</v>
      </c>
      <c r="E57" s="19">
        <v>1348</v>
      </c>
      <c r="F57" s="19"/>
      <c r="G57" s="18" t="s">
        <v>112</v>
      </c>
      <c r="H57" s="17"/>
      <c r="I57" s="13">
        <v>384</v>
      </c>
      <c r="J57" s="19">
        <v>119</v>
      </c>
      <c r="K57" s="19">
        <v>265</v>
      </c>
    </row>
    <row r="58" spans="1:11" ht="15" customHeight="1">
      <c r="A58" s="17" t="s">
        <v>113</v>
      </c>
      <c r="B58" s="17"/>
      <c r="C58" s="13">
        <v>2988</v>
      </c>
      <c r="D58" s="19">
        <v>1515</v>
      </c>
      <c r="E58" s="19">
        <v>1473</v>
      </c>
      <c r="F58" s="19"/>
      <c r="G58" s="18" t="s">
        <v>114</v>
      </c>
      <c r="H58" s="17"/>
      <c r="I58" s="13">
        <v>273</v>
      </c>
      <c r="J58" s="19">
        <v>76</v>
      </c>
      <c r="K58" s="19">
        <v>197</v>
      </c>
    </row>
    <row r="59" spans="1:11" ht="20.100000000000001" customHeight="1">
      <c r="A59" s="17" t="s">
        <v>115</v>
      </c>
      <c r="B59" s="17"/>
      <c r="C59" s="13">
        <v>17620</v>
      </c>
      <c r="D59" s="14">
        <v>8831</v>
      </c>
      <c r="E59" s="14">
        <v>8789</v>
      </c>
      <c r="F59" s="14"/>
      <c r="G59" s="18" t="s">
        <v>116</v>
      </c>
      <c r="H59" s="17"/>
      <c r="I59" s="13">
        <v>590</v>
      </c>
      <c r="J59" s="14">
        <v>130</v>
      </c>
      <c r="K59" s="14">
        <v>460</v>
      </c>
    </row>
    <row r="60" spans="1:11" ht="15" customHeight="1">
      <c r="A60" s="17" t="s">
        <v>117</v>
      </c>
      <c r="B60" s="17"/>
      <c r="C60" s="13">
        <v>3098</v>
      </c>
      <c r="D60" s="19">
        <v>1588</v>
      </c>
      <c r="E60" s="19">
        <v>1510</v>
      </c>
      <c r="F60" s="19"/>
      <c r="G60" s="18" t="s">
        <v>118</v>
      </c>
      <c r="H60" s="17"/>
      <c r="I60" s="13">
        <v>216</v>
      </c>
      <c r="J60" s="19">
        <v>52</v>
      </c>
      <c r="K60" s="19">
        <v>164</v>
      </c>
    </row>
    <row r="61" spans="1:11" ht="15" customHeight="1">
      <c r="A61" s="17" t="s">
        <v>119</v>
      </c>
      <c r="B61" s="17"/>
      <c r="C61" s="13">
        <v>3444</v>
      </c>
      <c r="D61" s="19">
        <v>1738</v>
      </c>
      <c r="E61" s="19">
        <v>1706</v>
      </c>
      <c r="F61" s="19"/>
      <c r="G61" s="18" t="s">
        <v>120</v>
      </c>
      <c r="H61" s="17"/>
      <c r="I61" s="13">
        <v>141</v>
      </c>
      <c r="J61" s="19">
        <v>31</v>
      </c>
      <c r="K61" s="19">
        <v>110</v>
      </c>
    </row>
    <row r="62" spans="1:11" ht="15" customHeight="1">
      <c r="A62" s="17" t="s">
        <v>121</v>
      </c>
      <c r="B62" s="17"/>
      <c r="C62" s="13">
        <v>3636</v>
      </c>
      <c r="D62" s="19">
        <v>1785</v>
      </c>
      <c r="E62" s="19">
        <v>1851</v>
      </c>
      <c r="F62" s="19"/>
      <c r="G62" s="18" t="s">
        <v>122</v>
      </c>
      <c r="H62" s="17"/>
      <c r="I62" s="13">
        <v>94</v>
      </c>
      <c r="J62" s="19">
        <v>14</v>
      </c>
      <c r="K62" s="19">
        <v>80</v>
      </c>
    </row>
    <row r="63" spans="1:11" ht="15" customHeight="1">
      <c r="A63" s="17" t="s">
        <v>123</v>
      </c>
      <c r="B63" s="17"/>
      <c r="C63" s="13">
        <v>3699</v>
      </c>
      <c r="D63" s="19">
        <v>1880</v>
      </c>
      <c r="E63" s="19">
        <v>1819</v>
      </c>
      <c r="F63" s="19"/>
      <c r="G63" s="18" t="s">
        <v>124</v>
      </c>
      <c r="H63" s="17"/>
      <c r="I63" s="13">
        <v>82</v>
      </c>
      <c r="J63" s="19">
        <v>24</v>
      </c>
      <c r="K63" s="19">
        <v>58</v>
      </c>
    </row>
    <row r="64" spans="1:11" ht="15" customHeight="1">
      <c r="A64" s="17" t="s">
        <v>125</v>
      </c>
      <c r="B64" s="17"/>
      <c r="C64" s="13">
        <v>3743</v>
      </c>
      <c r="D64" s="19">
        <v>1840</v>
      </c>
      <c r="E64" s="19">
        <v>1903</v>
      </c>
      <c r="F64" s="19"/>
      <c r="G64" s="18" t="s">
        <v>126</v>
      </c>
      <c r="H64" s="17"/>
      <c r="I64" s="13">
        <v>57</v>
      </c>
      <c r="J64" s="19">
        <v>9</v>
      </c>
      <c r="K64" s="19">
        <v>4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98</v>
      </c>
      <c r="J65" s="19">
        <v>10</v>
      </c>
      <c r="K65" s="19">
        <v>8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954</v>
      </c>
      <c r="J66" s="29">
        <v>2409</v>
      </c>
      <c r="K66" s="29">
        <v>154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5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4800</v>
      </c>
      <c r="D4" s="14">
        <v>118085</v>
      </c>
      <c r="E4" s="14">
        <v>12671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916</v>
      </c>
      <c r="D5" s="14">
        <v>3976</v>
      </c>
      <c r="E5" s="14">
        <v>3940</v>
      </c>
      <c r="F5" s="14"/>
      <c r="G5" s="18" t="s">
        <v>8</v>
      </c>
      <c r="H5" s="17"/>
      <c r="I5" s="13">
        <v>18744</v>
      </c>
      <c r="J5" s="14">
        <v>9518</v>
      </c>
      <c r="K5" s="14">
        <v>9226</v>
      </c>
    </row>
    <row r="6" spans="1:11" ht="15" customHeight="1">
      <c r="A6" s="17" t="s">
        <v>9</v>
      </c>
      <c r="B6" s="17"/>
      <c r="C6" s="13">
        <v>1459</v>
      </c>
      <c r="D6" s="19">
        <v>697</v>
      </c>
      <c r="E6" s="19">
        <v>762</v>
      </c>
      <c r="F6" s="19"/>
      <c r="G6" s="18" t="s">
        <v>10</v>
      </c>
      <c r="H6" s="17"/>
      <c r="I6" s="13">
        <v>4125</v>
      </c>
      <c r="J6" s="19">
        <v>2091</v>
      </c>
      <c r="K6" s="19">
        <v>2034</v>
      </c>
    </row>
    <row r="7" spans="1:11" ht="15" customHeight="1">
      <c r="A7" s="17" t="s">
        <v>11</v>
      </c>
      <c r="B7" s="17"/>
      <c r="C7" s="13">
        <v>1509</v>
      </c>
      <c r="D7" s="19">
        <v>751</v>
      </c>
      <c r="E7" s="19">
        <v>758</v>
      </c>
      <c r="F7" s="19"/>
      <c r="G7" s="18" t="s">
        <v>12</v>
      </c>
      <c r="H7" s="17"/>
      <c r="I7" s="13">
        <v>3903</v>
      </c>
      <c r="J7" s="19">
        <v>1981</v>
      </c>
      <c r="K7" s="19">
        <v>1922</v>
      </c>
    </row>
    <row r="8" spans="1:11" ht="15" customHeight="1">
      <c r="A8" s="17" t="s">
        <v>13</v>
      </c>
      <c r="B8" s="17"/>
      <c r="C8" s="13">
        <v>1575</v>
      </c>
      <c r="D8" s="19">
        <v>810</v>
      </c>
      <c r="E8" s="19">
        <v>765</v>
      </c>
      <c r="F8" s="19"/>
      <c r="G8" s="18" t="s">
        <v>14</v>
      </c>
      <c r="H8" s="17"/>
      <c r="I8" s="13">
        <v>3903</v>
      </c>
      <c r="J8" s="19">
        <v>2006</v>
      </c>
      <c r="K8" s="19">
        <v>1897</v>
      </c>
    </row>
    <row r="9" spans="1:11" ht="15" customHeight="1">
      <c r="A9" s="17" t="s">
        <v>15</v>
      </c>
      <c r="B9" s="17"/>
      <c r="C9" s="13">
        <v>1696</v>
      </c>
      <c r="D9" s="19">
        <v>864</v>
      </c>
      <c r="E9" s="19">
        <v>832</v>
      </c>
      <c r="F9" s="19"/>
      <c r="G9" s="18" t="s">
        <v>16</v>
      </c>
      <c r="H9" s="17"/>
      <c r="I9" s="13">
        <v>3994</v>
      </c>
      <c r="J9" s="19">
        <v>2037</v>
      </c>
      <c r="K9" s="19">
        <v>1957</v>
      </c>
    </row>
    <row r="10" spans="1:11" ht="15" customHeight="1">
      <c r="A10" s="17" t="s">
        <v>17</v>
      </c>
      <c r="B10" s="17"/>
      <c r="C10" s="13">
        <v>1677</v>
      </c>
      <c r="D10" s="19">
        <v>854</v>
      </c>
      <c r="E10" s="19">
        <v>823</v>
      </c>
      <c r="F10" s="19"/>
      <c r="G10" s="18" t="s">
        <v>18</v>
      </c>
      <c r="H10" s="17"/>
      <c r="I10" s="13">
        <v>2819</v>
      </c>
      <c r="J10" s="19">
        <v>1403</v>
      </c>
      <c r="K10" s="19">
        <v>1416</v>
      </c>
    </row>
    <row r="11" spans="1:11" ht="20.100000000000001" customHeight="1">
      <c r="A11" s="17" t="s">
        <v>19</v>
      </c>
      <c r="B11" s="17"/>
      <c r="C11" s="13">
        <v>9397</v>
      </c>
      <c r="D11" s="14">
        <v>4750</v>
      </c>
      <c r="E11" s="14">
        <v>4647</v>
      </c>
      <c r="F11" s="14"/>
      <c r="G11" s="18" t="s">
        <v>20</v>
      </c>
      <c r="H11" s="17"/>
      <c r="I11" s="13">
        <v>16336</v>
      </c>
      <c r="J11" s="14">
        <v>8279</v>
      </c>
      <c r="K11" s="14">
        <v>8057</v>
      </c>
    </row>
    <row r="12" spans="1:11" ht="15" customHeight="1">
      <c r="A12" s="17" t="s">
        <v>21</v>
      </c>
      <c r="B12" s="17"/>
      <c r="C12" s="13">
        <v>1852</v>
      </c>
      <c r="D12" s="19">
        <v>909</v>
      </c>
      <c r="E12" s="19">
        <v>943</v>
      </c>
      <c r="F12" s="19"/>
      <c r="G12" s="18" t="s">
        <v>22</v>
      </c>
      <c r="H12" s="17"/>
      <c r="I12" s="13">
        <v>3670</v>
      </c>
      <c r="J12" s="19">
        <v>1896</v>
      </c>
      <c r="K12" s="19">
        <v>1774</v>
      </c>
    </row>
    <row r="13" spans="1:11" ht="15" customHeight="1">
      <c r="A13" s="17" t="s">
        <v>23</v>
      </c>
      <c r="B13" s="17"/>
      <c r="C13" s="13">
        <v>1820</v>
      </c>
      <c r="D13" s="19">
        <v>933</v>
      </c>
      <c r="E13" s="19">
        <v>887</v>
      </c>
      <c r="F13" s="19"/>
      <c r="G13" s="18" t="s">
        <v>24</v>
      </c>
      <c r="H13" s="17"/>
      <c r="I13" s="13">
        <v>3343</v>
      </c>
      <c r="J13" s="19">
        <v>1707</v>
      </c>
      <c r="K13" s="19">
        <v>1636</v>
      </c>
    </row>
    <row r="14" spans="1:11" ht="15" customHeight="1">
      <c r="A14" s="17" t="s">
        <v>25</v>
      </c>
      <c r="B14" s="17"/>
      <c r="C14" s="13">
        <v>1812</v>
      </c>
      <c r="D14" s="19">
        <v>933</v>
      </c>
      <c r="E14" s="19">
        <v>879</v>
      </c>
      <c r="F14" s="19"/>
      <c r="G14" s="18" t="s">
        <v>26</v>
      </c>
      <c r="H14" s="17"/>
      <c r="I14" s="13">
        <v>3208</v>
      </c>
      <c r="J14" s="19">
        <v>1593</v>
      </c>
      <c r="K14" s="19">
        <v>1615</v>
      </c>
    </row>
    <row r="15" spans="1:11" ht="15" customHeight="1">
      <c r="A15" s="17" t="s">
        <v>27</v>
      </c>
      <c r="B15" s="17"/>
      <c r="C15" s="13">
        <v>2016</v>
      </c>
      <c r="D15" s="19">
        <v>1012</v>
      </c>
      <c r="E15" s="19">
        <v>1004</v>
      </c>
      <c r="F15" s="19"/>
      <c r="G15" s="18" t="s">
        <v>28</v>
      </c>
      <c r="H15" s="17"/>
      <c r="I15" s="13">
        <v>3126</v>
      </c>
      <c r="J15" s="19">
        <v>1588</v>
      </c>
      <c r="K15" s="19">
        <v>1538</v>
      </c>
    </row>
    <row r="16" spans="1:11" ht="15" customHeight="1">
      <c r="A16" s="17" t="s">
        <v>29</v>
      </c>
      <c r="B16" s="17"/>
      <c r="C16" s="13">
        <v>1897</v>
      </c>
      <c r="D16" s="19">
        <v>963</v>
      </c>
      <c r="E16" s="19">
        <v>934</v>
      </c>
      <c r="F16" s="19"/>
      <c r="G16" s="18" t="s">
        <v>30</v>
      </c>
      <c r="H16" s="17"/>
      <c r="I16" s="13">
        <v>2989</v>
      </c>
      <c r="J16" s="19">
        <v>1495</v>
      </c>
      <c r="K16" s="19">
        <v>1494</v>
      </c>
    </row>
    <row r="17" spans="1:11" ht="20.100000000000001" customHeight="1">
      <c r="A17" s="20" t="s">
        <v>31</v>
      </c>
      <c r="B17" s="20"/>
      <c r="C17" s="13">
        <v>10297</v>
      </c>
      <c r="D17" s="14">
        <v>5323</v>
      </c>
      <c r="E17" s="14">
        <v>4974</v>
      </c>
      <c r="F17" s="14"/>
      <c r="G17" s="18" t="s">
        <v>32</v>
      </c>
      <c r="H17" s="17"/>
      <c r="I17" s="13">
        <v>13743</v>
      </c>
      <c r="J17" s="14">
        <v>6816</v>
      </c>
      <c r="K17" s="14">
        <v>6927</v>
      </c>
    </row>
    <row r="18" spans="1:11" ht="15" customHeight="1">
      <c r="A18" s="17" t="s">
        <v>33</v>
      </c>
      <c r="B18" s="17"/>
      <c r="C18" s="13">
        <v>2040</v>
      </c>
      <c r="D18" s="19">
        <v>1035</v>
      </c>
      <c r="E18" s="19">
        <v>1005</v>
      </c>
      <c r="F18" s="19"/>
      <c r="G18" s="18" t="s">
        <v>34</v>
      </c>
      <c r="H18" s="17"/>
      <c r="I18" s="13">
        <v>2923</v>
      </c>
      <c r="J18" s="19">
        <v>1469</v>
      </c>
      <c r="K18" s="19">
        <v>1454</v>
      </c>
    </row>
    <row r="19" spans="1:11" ht="15" customHeight="1">
      <c r="A19" s="17" t="s">
        <v>35</v>
      </c>
      <c r="B19" s="17"/>
      <c r="C19" s="13">
        <v>2112</v>
      </c>
      <c r="D19" s="19">
        <v>1076</v>
      </c>
      <c r="E19" s="19">
        <v>1036</v>
      </c>
      <c r="F19" s="19"/>
      <c r="G19" s="18" t="s">
        <v>36</v>
      </c>
      <c r="H19" s="17"/>
      <c r="I19" s="13">
        <v>2885</v>
      </c>
      <c r="J19" s="19">
        <v>1457</v>
      </c>
      <c r="K19" s="19">
        <v>1428</v>
      </c>
    </row>
    <row r="20" spans="1:11" ht="15" customHeight="1">
      <c r="A20" s="17" t="s">
        <v>37</v>
      </c>
      <c r="B20" s="17"/>
      <c r="C20" s="13">
        <v>2025</v>
      </c>
      <c r="D20" s="19">
        <v>1065</v>
      </c>
      <c r="E20" s="19">
        <v>960</v>
      </c>
      <c r="F20" s="19"/>
      <c r="G20" s="18" t="s">
        <v>38</v>
      </c>
      <c r="H20" s="17"/>
      <c r="I20" s="13">
        <v>2721</v>
      </c>
      <c r="J20" s="19">
        <v>1366</v>
      </c>
      <c r="K20" s="19">
        <v>1355</v>
      </c>
    </row>
    <row r="21" spans="1:11" ht="15" customHeight="1">
      <c r="A21" s="17" t="s">
        <v>39</v>
      </c>
      <c r="B21" s="17"/>
      <c r="C21" s="13">
        <v>2046</v>
      </c>
      <c r="D21" s="19">
        <v>1043</v>
      </c>
      <c r="E21" s="19">
        <v>1003</v>
      </c>
      <c r="F21" s="19"/>
      <c r="G21" s="18" t="s">
        <v>40</v>
      </c>
      <c r="H21" s="17"/>
      <c r="I21" s="13">
        <v>2567</v>
      </c>
      <c r="J21" s="19">
        <v>1235</v>
      </c>
      <c r="K21" s="19">
        <v>1332</v>
      </c>
    </row>
    <row r="22" spans="1:11" ht="15" customHeight="1">
      <c r="A22" s="17" t="s">
        <v>41</v>
      </c>
      <c r="B22" s="17"/>
      <c r="C22" s="13">
        <v>2074</v>
      </c>
      <c r="D22" s="19">
        <v>1104</v>
      </c>
      <c r="E22" s="19">
        <v>970</v>
      </c>
      <c r="F22" s="19"/>
      <c r="G22" s="18" t="s">
        <v>42</v>
      </c>
      <c r="H22" s="17"/>
      <c r="I22" s="13">
        <v>2647</v>
      </c>
      <c r="J22" s="19">
        <v>1289</v>
      </c>
      <c r="K22" s="19">
        <v>1358</v>
      </c>
    </row>
    <row r="23" spans="1:11" ht="20.100000000000001" customHeight="1">
      <c r="A23" s="17" t="s">
        <v>43</v>
      </c>
      <c r="B23" s="17"/>
      <c r="C23" s="13">
        <v>10666</v>
      </c>
      <c r="D23" s="14">
        <v>5443</v>
      </c>
      <c r="E23" s="14">
        <v>5223</v>
      </c>
      <c r="F23" s="14"/>
      <c r="G23" s="18" t="s">
        <v>44</v>
      </c>
      <c r="H23" s="17"/>
      <c r="I23" s="13">
        <v>14549</v>
      </c>
      <c r="J23" s="14">
        <v>7071</v>
      </c>
      <c r="K23" s="14">
        <v>7478</v>
      </c>
    </row>
    <row r="24" spans="1:11" ht="15" customHeight="1">
      <c r="A24" s="17" t="s">
        <v>45</v>
      </c>
      <c r="B24" s="17"/>
      <c r="C24" s="13">
        <v>2031</v>
      </c>
      <c r="D24" s="19">
        <v>1026</v>
      </c>
      <c r="E24" s="19">
        <v>1005</v>
      </c>
      <c r="F24" s="19"/>
      <c r="G24" s="18" t="s">
        <v>46</v>
      </c>
      <c r="H24" s="17"/>
      <c r="I24" s="13">
        <v>2697</v>
      </c>
      <c r="J24" s="19">
        <v>1357</v>
      </c>
      <c r="K24" s="19">
        <v>1340</v>
      </c>
    </row>
    <row r="25" spans="1:11" ht="15" customHeight="1">
      <c r="A25" s="17" t="s">
        <v>47</v>
      </c>
      <c r="B25" s="17"/>
      <c r="C25" s="13">
        <v>2008</v>
      </c>
      <c r="D25" s="19">
        <v>1079</v>
      </c>
      <c r="E25" s="19">
        <v>929</v>
      </c>
      <c r="F25" s="19"/>
      <c r="G25" s="18" t="s">
        <v>48</v>
      </c>
      <c r="H25" s="17"/>
      <c r="I25" s="13">
        <v>2795</v>
      </c>
      <c r="J25" s="19">
        <v>1360</v>
      </c>
      <c r="K25" s="19">
        <v>1435</v>
      </c>
    </row>
    <row r="26" spans="1:11" ht="15" customHeight="1">
      <c r="A26" s="17" t="s">
        <v>49</v>
      </c>
      <c r="B26" s="17"/>
      <c r="C26" s="13">
        <v>2180</v>
      </c>
      <c r="D26" s="19">
        <v>1105</v>
      </c>
      <c r="E26" s="19">
        <v>1075</v>
      </c>
      <c r="F26" s="19"/>
      <c r="G26" s="18" t="s">
        <v>50</v>
      </c>
      <c r="H26" s="17"/>
      <c r="I26" s="13">
        <v>2820</v>
      </c>
      <c r="J26" s="19">
        <v>1344</v>
      </c>
      <c r="K26" s="19">
        <v>1476</v>
      </c>
    </row>
    <row r="27" spans="1:11" ht="15" customHeight="1">
      <c r="A27" s="17" t="s">
        <v>51</v>
      </c>
      <c r="B27" s="17"/>
      <c r="C27" s="13">
        <v>2193</v>
      </c>
      <c r="D27" s="19">
        <v>1094</v>
      </c>
      <c r="E27" s="19">
        <v>1099</v>
      </c>
      <c r="F27" s="19"/>
      <c r="G27" s="18" t="s">
        <v>52</v>
      </c>
      <c r="H27" s="17"/>
      <c r="I27" s="13">
        <v>3015</v>
      </c>
      <c r="J27" s="19">
        <v>1477</v>
      </c>
      <c r="K27" s="19">
        <v>1538</v>
      </c>
    </row>
    <row r="28" spans="1:11" ht="15" customHeight="1">
      <c r="A28" s="17" t="s">
        <v>53</v>
      </c>
      <c r="B28" s="17"/>
      <c r="C28" s="13">
        <v>2254</v>
      </c>
      <c r="D28" s="19">
        <v>1139</v>
      </c>
      <c r="E28" s="19">
        <v>1115</v>
      </c>
      <c r="F28" s="19"/>
      <c r="G28" s="18" t="s">
        <v>54</v>
      </c>
      <c r="H28" s="17"/>
      <c r="I28" s="13">
        <v>3222</v>
      </c>
      <c r="J28" s="19">
        <v>1533</v>
      </c>
      <c r="K28" s="19">
        <v>1689</v>
      </c>
    </row>
    <row r="29" spans="1:11" ht="20.100000000000001" customHeight="1">
      <c r="A29" s="17" t="s">
        <v>55</v>
      </c>
      <c r="B29" s="17"/>
      <c r="C29" s="13">
        <v>11579</v>
      </c>
      <c r="D29" s="14">
        <v>5781</v>
      </c>
      <c r="E29" s="14">
        <v>5798</v>
      </c>
      <c r="F29" s="14"/>
      <c r="G29" s="18" t="s">
        <v>56</v>
      </c>
      <c r="H29" s="17"/>
      <c r="I29" s="13">
        <v>17899</v>
      </c>
      <c r="J29" s="14">
        <v>8368</v>
      </c>
      <c r="K29" s="14">
        <v>9531</v>
      </c>
    </row>
    <row r="30" spans="1:11" ht="15" customHeight="1">
      <c r="A30" s="17" t="s">
        <v>57</v>
      </c>
      <c r="B30" s="17"/>
      <c r="C30" s="13">
        <v>2299</v>
      </c>
      <c r="D30" s="19">
        <v>1141</v>
      </c>
      <c r="E30" s="19">
        <v>1158</v>
      </c>
      <c r="F30" s="19"/>
      <c r="G30" s="18" t="s">
        <v>58</v>
      </c>
      <c r="H30" s="17"/>
      <c r="I30" s="13">
        <v>3471</v>
      </c>
      <c r="J30" s="19">
        <v>1635</v>
      </c>
      <c r="K30" s="19">
        <v>1836</v>
      </c>
    </row>
    <row r="31" spans="1:11" ht="15" customHeight="1">
      <c r="A31" s="17" t="s">
        <v>59</v>
      </c>
      <c r="B31" s="17"/>
      <c r="C31" s="13">
        <v>2234</v>
      </c>
      <c r="D31" s="19">
        <v>1114</v>
      </c>
      <c r="E31" s="19">
        <v>1120</v>
      </c>
      <c r="F31" s="19"/>
      <c r="G31" s="18" t="s">
        <v>60</v>
      </c>
      <c r="H31" s="17"/>
      <c r="I31" s="13">
        <v>3962</v>
      </c>
      <c r="J31" s="19">
        <v>1879</v>
      </c>
      <c r="K31" s="19">
        <v>2083</v>
      </c>
    </row>
    <row r="32" spans="1:11" ht="15" customHeight="1">
      <c r="A32" s="17" t="s">
        <v>61</v>
      </c>
      <c r="B32" s="17"/>
      <c r="C32" s="13">
        <v>2436</v>
      </c>
      <c r="D32" s="19">
        <v>1245</v>
      </c>
      <c r="E32" s="19">
        <v>1191</v>
      </c>
      <c r="F32" s="19"/>
      <c r="G32" s="18" t="s">
        <v>62</v>
      </c>
      <c r="H32" s="17"/>
      <c r="I32" s="13">
        <v>3857</v>
      </c>
      <c r="J32" s="19">
        <v>1805</v>
      </c>
      <c r="K32" s="19">
        <v>2052</v>
      </c>
    </row>
    <row r="33" spans="1:11" ht="15" customHeight="1">
      <c r="A33" s="17" t="s">
        <v>63</v>
      </c>
      <c r="B33" s="17"/>
      <c r="C33" s="13">
        <v>2326</v>
      </c>
      <c r="D33" s="19">
        <v>1136</v>
      </c>
      <c r="E33" s="19">
        <v>1190</v>
      </c>
      <c r="F33" s="19"/>
      <c r="G33" s="18" t="s">
        <v>64</v>
      </c>
      <c r="H33" s="17"/>
      <c r="I33" s="13">
        <v>3834</v>
      </c>
      <c r="J33" s="19">
        <v>1738</v>
      </c>
      <c r="K33" s="19">
        <v>2096</v>
      </c>
    </row>
    <row r="34" spans="1:11" ht="15" customHeight="1">
      <c r="A34" s="17" t="s">
        <v>65</v>
      </c>
      <c r="B34" s="17"/>
      <c r="C34" s="13">
        <v>2284</v>
      </c>
      <c r="D34" s="19">
        <v>1145</v>
      </c>
      <c r="E34" s="19">
        <v>1139</v>
      </c>
      <c r="F34" s="19"/>
      <c r="G34" s="18" t="s">
        <v>66</v>
      </c>
      <c r="H34" s="17"/>
      <c r="I34" s="13">
        <v>2775</v>
      </c>
      <c r="J34" s="19">
        <v>1311</v>
      </c>
      <c r="K34" s="19">
        <v>1464</v>
      </c>
    </row>
    <row r="35" spans="1:11" ht="20.100000000000001" customHeight="1">
      <c r="A35" s="17" t="s">
        <v>67</v>
      </c>
      <c r="B35" s="17"/>
      <c r="C35" s="13">
        <v>10645</v>
      </c>
      <c r="D35" s="14">
        <v>5334</v>
      </c>
      <c r="E35" s="14">
        <v>5311</v>
      </c>
      <c r="F35" s="14"/>
      <c r="G35" s="18" t="s">
        <v>68</v>
      </c>
      <c r="H35" s="17"/>
      <c r="I35" s="13">
        <v>14907</v>
      </c>
      <c r="J35" s="14">
        <v>6536</v>
      </c>
      <c r="K35" s="14">
        <v>8371</v>
      </c>
    </row>
    <row r="36" spans="1:11" ht="15" customHeight="1">
      <c r="A36" s="17" t="s">
        <v>69</v>
      </c>
      <c r="B36" s="17"/>
      <c r="C36" s="13">
        <v>2205</v>
      </c>
      <c r="D36" s="19">
        <v>1114</v>
      </c>
      <c r="E36" s="19">
        <v>1091</v>
      </c>
      <c r="F36" s="19"/>
      <c r="G36" s="18" t="s">
        <v>70</v>
      </c>
      <c r="H36" s="17"/>
      <c r="I36" s="13">
        <v>2430</v>
      </c>
      <c r="J36" s="19">
        <v>1134</v>
      </c>
      <c r="K36" s="19">
        <v>1296</v>
      </c>
    </row>
    <row r="37" spans="1:11" ht="15" customHeight="1">
      <c r="A37" s="17" t="s">
        <v>71</v>
      </c>
      <c r="B37" s="17"/>
      <c r="C37" s="13">
        <v>2199</v>
      </c>
      <c r="D37" s="19">
        <v>1059</v>
      </c>
      <c r="E37" s="19">
        <v>1140</v>
      </c>
      <c r="F37" s="19"/>
      <c r="G37" s="18" t="s">
        <v>72</v>
      </c>
      <c r="H37" s="17"/>
      <c r="I37" s="13">
        <v>2978</v>
      </c>
      <c r="J37" s="19">
        <v>1293</v>
      </c>
      <c r="K37" s="19">
        <v>1685</v>
      </c>
    </row>
    <row r="38" spans="1:11" ht="15" customHeight="1">
      <c r="A38" s="17" t="s">
        <v>73</v>
      </c>
      <c r="B38" s="17"/>
      <c r="C38" s="13">
        <v>2131</v>
      </c>
      <c r="D38" s="19">
        <v>1093</v>
      </c>
      <c r="E38" s="19">
        <v>1038</v>
      </c>
      <c r="F38" s="19"/>
      <c r="G38" s="18" t="s">
        <v>74</v>
      </c>
      <c r="H38" s="17"/>
      <c r="I38" s="13">
        <v>3257</v>
      </c>
      <c r="J38" s="19">
        <v>1404</v>
      </c>
      <c r="K38" s="19">
        <v>1853</v>
      </c>
    </row>
    <row r="39" spans="1:11" ht="15" customHeight="1">
      <c r="A39" s="17" t="s">
        <v>75</v>
      </c>
      <c r="B39" s="17"/>
      <c r="C39" s="13">
        <v>2016</v>
      </c>
      <c r="D39" s="19">
        <v>1003</v>
      </c>
      <c r="E39" s="19">
        <v>1013</v>
      </c>
      <c r="F39" s="19"/>
      <c r="G39" s="18" t="s">
        <v>76</v>
      </c>
      <c r="H39" s="17"/>
      <c r="I39" s="13">
        <v>3035</v>
      </c>
      <c r="J39" s="19">
        <v>1296</v>
      </c>
      <c r="K39" s="19">
        <v>1739</v>
      </c>
    </row>
    <row r="40" spans="1:11" ht="15" customHeight="1">
      <c r="A40" s="17" t="s">
        <v>77</v>
      </c>
      <c r="B40" s="17"/>
      <c r="C40" s="13">
        <v>2094</v>
      </c>
      <c r="D40" s="19">
        <v>1065</v>
      </c>
      <c r="E40" s="19">
        <v>1029</v>
      </c>
      <c r="F40" s="19"/>
      <c r="G40" s="18" t="s">
        <v>78</v>
      </c>
      <c r="H40" s="17"/>
      <c r="I40" s="13">
        <v>3207</v>
      </c>
      <c r="J40" s="19">
        <v>1409</v>
      </c>
      <c r="K40" s="19">
        <v>1798</v>
      </c>
    </row>
    <row r="41" spans="1:11" ht="20.100000000000001" customHeight="1">
      <c r="A41" s="17" t="s">
        <v>79</v>
      </c>
      <c r="B41" s="17"/>
      <c r="C41" s="13">
        <v>11111</v>
      </c>
      <c r="D41" s="14">
        <v>5609</v>
      </c>
      <c r="E41" s="14">
        <v>5502</v>
      </c>
      <c r="F41" s="14"/>
      <c r="G41" s="18" t="s">
        <v>80</v>
      </c>
      <c r="H41" s="17"/>
      <c r="I41" s="13">
        <v>12408</v>
      </c>
      <c r="J41" s="14">
        <v>5246</v>
      </c>
      <c r="K41" s="14">
        <v>7162</v>
      </c>
    </row>
    <row r="42" spans="1:11" ht="15" customHeight="1">
      <c r="A42" s="17" t="s">
        <v>81</v>
      </c>
      <c r="B42" s="17"/>
      <c r="C42" s="13">
        <v>2073</v>
      </c>
      <c r="D42" s="19">
        <v>1050</v>
      </c>
      <c r="E42" s="19">
        <v>1023</v>
      </c>
      <c r="F42" s="19"/>
      <c r="G42" s="18" t="s">
        <v>82</v>
      </c>
      <c r="H42" s="17"/>
      <c r="I42" s="13">
        <v>2911</v>
      </c>
      <c r="J42" s="19">
        <v>1202</v>
      </c>
      <c r="K42" s="19">
        <v>1709</v>
      </c>
    </row>
    <row r="43" spans="1:11" ht="15" customHeight="1">
      <c r="A43" s="17" t="s">
        <v>83</v>
      </c>
      <c r="B43" s="17"/>
      <c r="C43" s="13">
        <v>2122</v>
      </c>
      <c r="D43" s="19">
        <v>1067</v>
      </c>
      <c r="E43" s="19">
        <v>1055</v>
      </c>
      <c r="F43" s="19"/>
      <c r="G43" s="18" t="s">
        <v>84</v>
      </c>
      <c r="H43" s="17"/>
      <c r="I43" s="13">
        <v>2476</v>
      </c>
      <c r="J43" s="19">
        <v>1099</v>
      </c>
      <c r="K43" s="19">
        <v>1377</v>
      </c>
    </row>
    <row r="44" spans="1:11" ht="15" customHeight="1">
      <c r="A44" s="17" t="s">
        <v>85</v>
      </c>
      <c r="B44" s="17"/>
      <c r="C44" s="13">
        <v>2316</v>
      </c>
      <c r="D44" s="19">
        <v>1156</v>
      </c>
      <c r="E44" s="19">
        <v>1160</v>
      </c>
      <c r="F44" s="19"/>
      <c r="G44" s="18" t="s">
        <v>86</v>
      </c>
      <c r="H44" s="17"/>
      <c r="I44" s="13">
        <v>2361</v>
      </c>
      <c r="J44" s="19">
        <v>1008</v>
      </c>
      <c r="K44" s="19">
        <v>1353</v>
      </c>
    </row>
    <row r="45" spans="1:11" ht="15" customHeight="1">
      <c r="A45" s="17" t="s">
        <v>87</v>
      </c>
      <c r="B45" s="17"/>
      <c r="C45" s="13">
        <v>2353</v>
      </c>
      <c r="D45" s="19">
        <v>1190</v>
      </c>
      <c r="E45" s="19">
        <v>1163</v>
      </c>
      <c r="F45" s="19"/>
      <c r="G45" s="18" t="s">
        <v>88</v>
      </c>
      <c r="H45" s="17"/>
      <c r="I45" s="13">
        <v>2501</v>
      </c>
      <c r="J45" s="19">
        <v>1051</v>
      </c>
      <c r="K45" s="19">
        <v>1450</v>
      </c>
    </row>
    <row r="46" spans="1:11" ht="15" customHeight="1">
      <c r="A46" s="17" t="s">
        <v>89</v>
      </c>
      <c r="B46" s="17"/>
      <c r="C46" s="13">
        <v>2247</v>
      </c>
      <c r="D46" s="19">
        <v>1146</v>
      </c>
      <c r="E46" s="19">
        <v>1101</v>
      </c>
      <c r="F46" s="19"/>
      <c r="G46" s="18" t="s">
        <v>90</v>
      </c>
      <c r="H46" s="17"/>
      <c r="I46" s="13">
        <v>2159</v>
      </c>
      <c r="J46" s="19">
        <v>886</v>
      </c>
      <c r="K46" s="19">
        <v>1273</v>
      </c>
    </row>
    <row r="47" spans="1:11" ht="20.100000000000001" customHeight="1">
      <c r="A47" s="17" t="s">
        <v>91</v>
      </c>
      <c r="B47" s="17"/>
      <c r="C47" s="13">
        <v>13144</v>
      </c>
      <c r="D47" s="14">
        <v>6649</v>
      </c>
      <c r="E47" s="14">
        <v>6495</v>
      </c>
      <c r="F47" s="14"/>
      <c r="G47" s="18" t="s">
        <v>92</v>
      </c>
      <c r="H47" s="17"/>
      <c r="I47" s="13">
        <v>8288</v>
      </c>
      <c r="J47" s="14">
        <v>3122</v>
      </c>
      <c r="K47" s="14">
        <v>5166</v>
      </c>
    </row>
    <row r="48" spans="1:11" ht="15" customHeight="1">
      <c r="A48" s="17" t="s">
        <v>93</v>
      </c>
      <c r="B48" s="17"/>
      <c r="C48" s="13">
        <v>2462</v>
      </c>
      <c r="D48" s="19">
        <v>1231</v>
      </c>
      <c r="E48" s="19">
        <v>1231</v>
      </c>
      <c r="F48" s="19"/>
      <c r="G48" s="18" t="s">
        <v>94</v>
      </c>
      <c r="H48" s="17"/>
      <c r="I48" s="13">
        <v>2182</v>
      </c>
      <c r="J48" s="19">
        <v>834</v>
      </c>
      <c r="K48" s="19">
        <v>1348</v>
      </c>
    </row>
    <row r="49" spans="1:11" ht="15" customHeight="1">
      <c r="A49" s="17" t="s">
        <v>95</v>
      </c>
      <c r="B49" s="17"/>
      <c r="C49" s="13">
        <v>2612</v>
      </c>
      <c r="D49" s="19">
        <v>1339</v>
      </c>
      <c r="E49" s="19">
        <v>1273</v>
      </c>
      <c r="F49" s="19"/>
      <c r="G49" s="18" t="s">
        <v>96</v>
      </c>
      <c r="H49" s="17"/>
      <c r="I49" s="13">
        <v>1758</v>
      </c>
      <c r="J49" s="19">
        <v>692</v>
      </c>
      <c r="K49" s="19">
        <v>1066</v>
      </c>
    </row>
    <row r="50" spans="1:11" ht="15" customHeight="1">
      <c r="A50" s="17" t="s">
        <v>97</v>
      </c>
      <c r="B50" s="17"/>
      <c r="C50" s="13">
        <v>2675</v>
      </c>
      <c r="D50" s="19">
        <v>1304</v>
      </c>
      <c r="E50" s="19">
        <v>1371</v>
      </c>
      <c r="F50" s="19"/>
      <c r="G50" s="18" t="s">
        <v>98</v>
      </c>
      <c r="H50" s="17"/>
      <c r="I50" s="13">
        <v>1661</v>
      </c>
      <c r="J50" s="19">
        <v>632</v>
      </c>
      <c r="K50" s="19">
        <v>1029</v>
      </c>
    </row>
    <row r="51" spans="1:11" ht="15" customHeight="1">
      <c r="A51" s="17" t="s">
        <v>99</v>
      </c>
      <c r="B51" s="17"/>
      <c r="C51" s="13">
        <v>2685</v>
      </c>
      <c r="D51" s="19">
        <v>1376</v>
      </c>
      <c r="E51" s="19">
        <v>1309</v>
      </c>
      <c r="F51" s="19"/>
      <c r="G51" s="18" t="s">
        <v>100</v>
      </c>
      <c r="H51" s="17"/>
      <c r="I51" s="13">
        <v>1440</v>
      </c>
      <c r="J51" s="19">
        <v>517</v>
      </c>
      <c r="K51" s="19">
        <v>923</v>
      </c>
    </row>
    <row r="52" spans="1:11" ht="15" customHeight="1">
      <c r="A52" s="17" t="s">
        <v>101</v>
      </c>
      <c r="B52" s="17"/>
      <c r="C52" s="13">
        <v>2710</v>
      </c>
      <c r="D52" s="19">
        <v>1399</v>
      </c>
      <c r="E52" s="19">
        <v>1311</v>
      </c>
      <c r="F52" s="19"/>
      <c r="G52" s="18" t="s">
        <v>102</v>
      </c>
      <c r="H52" s="17"/>
      <c r="I52" s="13">
        <v>1247</v>
      </c>
      <c r="J52" s="19">
        <v>447</v>
      </c>
      <c r="K52" s="19">
        <v>800</v>
      </c>
    </row>
    <row r="53" spans="1:11" ht="20.100000000000001" customHeight="1">
      <c r="A53" s="17" t="s">
        <v>103</v>
      </c>
      <c r="B53" s="17"/>
      <c r="C53" s="13">
        <v>15461</v>
      </c>
      <c r="D53" s="14">
        <v>7785</v>
      </c>
      <c r="E53" s="14">
        <v>7676</v>
      </c>
      <c r="F53" s="14"/>
      <c r="G53" s="18" t="s">
        <v>104</v>
      </c>
      <c r="H53" s="17"/>
      <c r="I53" s="13">
        <v>3639</v>
      </c>
      <c r="J53" s="14">
        <v>1077</v>
      </c>
      <c r="K53" s="14">
        <v>2562</v>
      </c>
    </row>
    <row r="54" spans="1:11" ht="15" customHeight="1">
      <c r="A54" s="17" t="s">
        <v>105</v>
      </c>
      <c r="B54" s="17"/>
      <c r="C54" s="13">
        <v>2848</v>
      </c>
      <c r="D54" s="19">
        <v>1415</v>
      </c>
      <c r="E54" s="19">
        <v>1433</v>
      </c>
      <c r="F54" s="19"/>
      <c r="G54" s="18" t="s">
        <v>106</v>
      </c>
      <c r="H54" s="17"/>
      <c r="I54" s="13">
        <v>1079</v>
      </c>
      <c r="J54" s="19">
        <v>345</v>
      </c>
      <c r="K54" s="19">
        <v>734</v>
      </c>
    </row>
    <row r="55" spans="1:11" ht="15" customHeight="1">
      <c r="A55" s="17" t="s">
        <v>107</v>
      </c>
      <c r="B55" s="17"/>
      <c r="C55" s="13">
        <v>2957</v>
      </c>
      <c r="D55" s="19">
        <v>1508</v>
      </c>
      <c r="E55" s="19">
        <v>1449</v>
      </c>
      <c r="F55" s="19"/>
      <c r="G55" s="18" t="s">
        <v>108</v>
      </c>
      <c r="H55" s="17"/>
      <c r="I55" s="13">
        <v>867</v>
      </c>
      <c r="J55" s="19">
        <v>271</v>
      </c>
      <c r="K55" s="19">
        <v>596</v>
      </c>
    </row>
    <row r="56" spans="1:11" ht="15" customHeight="1">
      <c r="A56" s="17" t="s">
        <v>109</v>
      </c>
      <c r="B56" s="17"/>
      <c r="C56" s="13">
        <v>2977</v>
      </c>
      <c r="D56" s="19">
        <v>1472</v>
      </c>
      <c r="E56" s="19">
        <v>1505</v>
      </c>
      <c r="F56" s="19"/>
      <c r="G56" s="18" t="s">
        <v>110</v>
      </c>
      <c r="H56" s="17"/>
      <c r="I56" s="13">
        <v>738</v>
      </c>
      <c r="J56" s="19">
        <v>212</v>
      </c>
      <c r="K56" s="19">
        <v>526</v>
      </c>
    </row>
    <row r="57" spans="1:11" ht="15" customHeight="1">
      <c r="A57" s="17" t="s">
        <v>111</v>
      </c>
      <c r="B57" s="17"/>
      <c r="C57" s="13">
        <v>3282</v>
      </c>
      <c r="D57" s="19">
        <v>1658</v>
      </c>
      <c r="E57" s="19">
        <v>1624</v>
      </c>
      <c r="F57" s="19"/>
      <c r="G57" s="18" t="s">
        <v>112</v>
      </c>
      <c r="H57" s="17"/>
      <c r="I57" s="13">
        <v>546</v>
      </c>
      <c r="J57" s="19">
        <v>136</v>
      </c>
      <c r="K57" s="19">
        <v>410</v>
      </c>
    </row>
    <row r="58" spans="1:11" ht="15" customHeight="1">
      <c r="A58" s="17" t="s">
        <v>113</v>
      </c>
      <c r="B58" s="17"/>
      <c r="C58" s="13">
        <v>3397</v>
      </c>
      <c r="D58" s="19">
        <v>1732</v>
      </c>
      <c r="E58" s="19">
        <v>1665</v>
      </c>
      <c r="F58" s="19"/>
      <c r="G58" s="18" t="s">
        <v>114</v>
      </c>
      <c r="H58" s="17"/>
      <c r="I58" s="13">
        <v>409</v>
      </c>
      <c r="J58" s="19">
        <v>113</v>
      </c>
      <c r="K58" s="19">
        <v>296</v>
      </c>
    </row>
    <row r="59" spans="1:11" ht="20.100000000000001" customHeight="1">
      <c r="A59" s="17" t="s">
        <v>115</v>
      </c>
      <c r="B59" s="17"/>
      <c r="C59" s="13">
        <v>19313</v>
      </c>
      <c r="D59" s="14">
        <v>9718</v>
      </c>
      <c r="E59" s="14">
        <v>9595</v>
      </c>
      <c r="F59" s="14"/>
      <c r="G59" s="18" t="s">
        <v>116</v>
      </c>
      <c r="H59" s="17"/>
      <c r="I59" s="13">
        <v>931</v>
      </c>
      <c r="J59" s="14">
        <v>190</v>
      </c>
      <c r="K59" s="14">
        <v>741</v>
      </c>
    </row>
    <row r="60" spans="1:11" ht="15" customHeight="1">
      <c r="A60" s="17" t="s">
        <v>117</v>
      </c>
      <c r="B60" s="17"/>
      <c r="C60" s="13">
        <v>3429</v>
      </c>
      <c r="D60" s="19">
        <v>1723</v>
      </c>
      <c r="E60" s="19">
        <v>1706</v>
      </c>
      <c r="F60" s="19"/>
      <c r="G60" s="18" t="s">
        <v>118</v>
      </c>
      <c r="H60" s="17"/>
      <c r="I60" s="13">
        <v>321</v>
      </c>
      <c r="J60" s="19">
        <v>74</v>
      </c>
      <c r="K60" s="19">
        <v>247</v>
      </c>
    </row>
    <row r="61" spans="1:11" ht="15" customHeight="1">
      <c r="A61" s="17" t="s">
        <v>119</v>
      </c>
      <c r="B61" s="17"/>
      <c r="C61" s="13">
        <v>3831</v>
      </c>
      <c r="D61" s="19">
        <v>1972</v>
      </c>
      <c r="E61" s="19">
        <v>1859</v>
      </c>
      <c r="F61" s="19"/>
      <c r="G61" s="18" t="s">
        <v>120</v>
      </c>
      <c r="H61" s="17"/>
      <c r="I61" s="13">
        <v>245</v>
      </c>
      <c r="J61" s="19">
        <v>46</v>
      </c>
      <c r="K61" s="19">
        <v>199</v>
      </c>
    </row>
    <row r="62" spans="1:11" ht="15" customHeight="1">
      <c r="A62" s="17" t="s">
        <v>121</v>
      </c>
      <c r="B62" s="17"/>
      <c r="C62" s="13">
        <v>4045</v>
      </c>
      <c r="D62" s="19">
        <v>1979</v>
      </c>
      <c r="E62" s="19">
        <v>2066</v>
      </c>
      <c r="F62" s="19"/>
      <c r="G62" s="18" t="s">
        <v>122</v>
      </c>
      <c r="H62" s="17"/>
      <c r="I62" s="13">
        <v>171</v>
      </c>
      <c r="J62" s="19">
        <v>30</v>
      </c>
      <c r="K62" s="19">
        <v>141</v>
      </c>
    </row>
    <row r="63" spans="1:11" ht="15" customHeight="1">
      <c r="A63" s="17" t="s">
        <v>123</v>
      </c>
      <c r="B63" s="17"/>
      <c r="C63" s="13">
        <v>3915</v>
      </c>
      <c r="D63" s="19">
        <v>1982</v>
      </c>
      <c r="E63" s="19">
        <v>1933</v>
      </c>
      <c r="F63" s="19"/>
      <c r="G63" s="18" t="s">
        <v>124</v>
      </c>
      <c r="H63" s="17"/>
      <c r="I63" s="13">
        <v>114</v>
      </c>
      <c r="J63" s="19">
        <v>27</v>
      </c>
      <c r="K63" s="19">
        <v>87</v>
      </c>
    </row>
    <row r="64" spans="1:11" ht="15" customHeight="1">
      <c r="A64" s="17" t="s">
        <v>125</v>
      </c>
      <c r="B64" s="17"/>
      <c r="C64" s="13">
        <v>4093</v>
      </c>
      <c r="D64" s="19">
        <v>2062</v>
      </c>
      <c r="E64" s="19">
        <v>2031</v>
      </c>
      <c r="F64" s="19"/>
      <c r="G64" s="18" t="s">
        <v>126</v>
      </c>
      <c r="H64" s="17"/>
      <c r="I64" s="13">
        <v>80</v>
      </c>
      <c r="J64" s="19">
        <v>13</v>
      </c>
      <c r="K64" s="19">
        <v>6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8</v>
      </c>
      <c r="J65" s="19">
        <v>20</v>
      </c>
      <c r="K65" s="19">
        <v>9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709</v>
      </c>
      <c r="J66" s="29">
        <v>1474</v>
      </c>
      <c r="K66" s="29">
        <v>223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3328</v>
      </c>
      <c r="D4" s="14">
        <v>90250</v>
      </c>
      <c r="E4" s="14">
        <v>9307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035</v>
      </c>
      <c r="D5" s="14">
        <v>3558</v>
      </c>
      <c r="E5" s="14">
        <v>3477</v>
      </c>
      <c r="F5" s="14"/>
      <c r="G5" s="18" t="s">
        <v>8</v>
      </c>
      <c r="H5" s="17"/>
      <c r="I5" s="13">
        <v>14567</v>
      </c>
      <c r="J5" s="14">
        <v>7532</v>
      </c>
      <c r="K5" s="14">
        <v>7035</v>
      </c>
    </row>
    <row r="6" spans="1:11" ht="15" customHeight="1">
      <c r="A6" s="17" t="s">
        <v>9</v>
      </c>
      <c r="B6" s="17"/>
      <c r="C6" s="13">
        <v>1328</v>
      </c>
      <c r="D6" s="19">
        <v>649</v>
      </c>
      <c r="E6" s="19">
        <v>679</v>
      </c>
      <c r="F6" s="19"/>
      <c r="G6" s="18" t="s">
        <v>10</v>
      </c>
      <c r="H6" s="17"/>
      <c r="I6" s="13">
        <v>3138</v>
      </c>
      <c r="J6" s="19">
        <v>1606</v>
      </c>
      <c r="K6" s="19">
        <v>1532</v>
      </c>
    </row>
    <row r="7" spans="1:11" ht="15" customHeight="1">
      <c r="A7" s="17" t="s">
        <v>11</v>
      </c>
      <c r="B7" s="17"/>
      <c r="C7" s="13">
        <v>1377</v>
      </c>
      <c r="D7" s="19">
        <v>723</v>
      </c>
      <c r="E7" s="19">
        <v>654</v>
      </c>
      <c r="F7" s="19"/>
      <c r="G7" s="18" t="s">
        <v>12</v>
      </c>
      <c r="H7" s="17"/>
      <c r="I7" s="13">
        <v>3112</v>
      </c>
      <c r="J7" s="19">
        <v>1648</v>
      </c>
      <c r="K7" s="19">
        <v>1464</v>
      </c>
    </row>
    <row r="8" spans="1:11" ht="15" customHeight="1">
      <c r="A8" s="17" t="s">
        <v>13</v>
      </c>
      <c r="B8" s="17"/>
      <c r="C8" s="13">
        <v>1432</v>
      </c>
      <c r="D8" s="19">
        <v>734</v>
      </c>
      <c r="E8" s="19">
        <v>698</v>
      </c>
      <c r="F8" s="19"/>
      <c r="G8" s="18" t="s">
        <v>14</v>
      </c>
      <c r="H8" s="17"/>
      <c r="I8" s="13">
        <v>2985</v>
      </c>
      <c r="J8" s="19">
        <v>1552</v>
      </c>
      <c r="K8" s="19">
        <v>1433</v>
      </c>
    </row>
    <row r="9" spans="1:11" ht="15" customHeight="1">
      <c r="A9" s="17" t="s">
        <v>15</v>
      </c>
      <c r="B9" s="17"/>
      <c r="C9" s="13">
        <v>1391</v>
      </c>
      <c r="D9" s="19">
        <v>693</v>
      </c>
      <c r="E9" s="19">
        <v>698</v>
      </c>
      <c r="F9" s="19"/>
      <c r="G9" s="18" t="s">
        <v>16</v>
      </c>
      <c r="H9" s="17"/>
      <c r="I9" s="13">
        <v>3125</v>
      </c>
      <c r="J9" s="19">
        <v>1580</v>
      </c>
      <c r="K9" s="19">
        <v>1545</v>
      </c>
    </row>
    <row r="10" spans="1:11" ht="15" customHeight="1">
      <c r="A10" s="17" t="s">
        <v>17</v>
      </c>
      <c r="B10" s="17"/>
      <c r="C10" s="13">
        <v>1507</v>
      </c>
      <c r="D10" s="19">
        <v>759</v>
      </c>
      <c r="E10" s="19">
        <v>748</v>
      </c>
      <c r="F10" s="19"/>
      <c r="G10" s="18" t="s">
        <v>18</v>
      </c>
      <c r="H10" s="17"/>
      <c r="I10" s="13">
        <v>2207</v>
      </c>
      <c r="J10" s="19">
        <v>1146</v>
      </c>
      <c r="K10" s="19">
        <v>1061</v>
      </c>
    </row>
    <row r="11" spans="1:11" ht="20.100000000000001" customHeight="1">
      <c r="A11" s="17" t="s">
        <v>19</v>
      </c>
      <c r="B11" s="17"/>
      <c r="C11" s="13">
        <v>7697</v>
      </c>
      <c r="D11" s="14">
        <v>3954</v>
      </c>
      <c r="E11" s="14">
        <v>3743</v>
      </c>
      <c r="F11" s="14"/>
      <c r="G11" s="18" t="s">
        <v>20</v>
      </c>
      <c r="H11" s="17"/>
      <c r="I11" s="13">
        <v>12043</v>
      </c>
      <c r="J11" s="14">
        <v>6154</v>
      </c>
      <c r="K11" s="14">
        <v>5889</v>
      </c>
    </row>
    <row r="12" spans="1:11" ht="15" customHeight="1">
      <c r="A12" s="17" t="s">
        <v>21</v>
      </c>
      <c r="B12" s="17"/>
      <c r="C12" s="13">
        <v>1489</v>
      </c>
      <c r="D12" s="19">
        <v>777</v>
      </c>
      <c r="E12" s="19">
        <v>712</v>
      </c>
      <c r="F12" s="19"/>
      <c r="G12" s="18" t="s">
        <v>22</v>
      </c>
      <c r="H12" s="17"/>
      <c r="I12" s="13">
        <v>2857</v>
      </c>
      <c r="J12" s="19">
        <v>1439</v>
      </c>
      <c r="K12" s="19">
        <v>1418</v>
      </c>
    </row>
    <row r="13" spans="1:11" ht="15" customHeight="1">
      <c r="A13" s="17" t="s">
        <v>23</v>
      </c>
      <c r="B13" s="17"/>
      <c r="C13" s="13">
        <v>1498</v>
      </c>
      <c r="D13" s="19">
        <v>757</v>
      </c>
      <c r="E13" s="19">
        <v>741</v>
      </c>
      <c r="F13" s="19"/>
      <c r="G13" s="18" t="s">
        <v>24</v>
      </c>
      <c r="H13" s="17"/>
      <c r="I13" s="13">
        <v>2526</v>
      </c>
      <c r="J13" s="19">
        <v>1320</v>
      </c>
      <c r="K13" s="19">
        <v>1206</v>
      </c>
    </row>
    <row r="14" spans="1:11" ht="15" customHeight="1">
      <c r="A14" s="17" t="s">
        <v>25</v>
      </c>
      <c r="B14" s="17"/>
      <c r="C14" s="13">
        <v>1515</v>
      </c>
      <c r="D14" s="19">
        <v>785</v>
      </c>
      <c r="E14" s="19">
        <v>730</v>
      </c>
      <c r="F14" s="19"/>
      <c r="G14" s="18" t="s">
        <v>26</v>
      </c>
      <c r="H14" s="17"/>
      <c r="I14" s="13">
        <v>2441</v>
      </c>
      <c r="J14" s="19">
        <v>1266</v>
      </c>
      <c r="K14" s="19">
        <v>1175</v>
      </c>
    </row>
    <row r="15" spans="1:11" ht="15" customHeight="1">
      <c r="A15" s="17" t="s">
        <v>27</v>
      </c>
      <c r="B15" s="17"/>
      <c r="C15" s="13">
        <v>1604</v>
      </c>
      <c r="D15" s="19">
        <v>808</v>
      </c>
      <c r="E15" s="19">
        <v>796</v>
      </c>
      <c r="F15" s="19"/>
      <c r="G15" s="18" t="s">
        <v>28</v>
      </c>
      <c r="H15" s="17"/>
      <c r="I15" s="13">
        <v>2160</v>
      </c>
      <c r="J15" s="19">
        <v>1088</v>
      </c>
      <c r="K15" s="19">
        <v>1072</v>
      </c>
    </row>
    <row r="16" spans="1:11" ht="15" customHeight="1">
      <c r="A16" s="17" t="s">
        <v>29</v>
      </c>
      <c r="B16" s="17"/>
      <c r="C16" s="13">
        <v>1591</v>
      </c>
      <c r="D16" s="19">
        <v>827</v>
      </c>
      <c r="E16" s="19">
        <v>764</v>
      </c>
      <c r="F16" s="19"/>
      <c r="G16" s="18" t="s">
        <v>30</v>
      </c>
      <c r="H16" s="17"/>
      <c r="I16" s="13">
        <v>2059</v>
      </c>
      <c r="J16" s="19">
        <v>1041</v>
      </c>
      <c r="K16" s="19">
        <v>1018</v>
      </c>
    </row>
    <row r="17" spans="1:11" ht="20.100000000000001" customHeight="1">
      <c r="A17" s="20" t="s">
        <v>31</v>
      </c>
      <c r="B17" s="20"/>
      <c r="C17" s="13">
        <v>8340</v>
      </c>
      <c r="D17" s="14">
        <v>4351</v>
      </c>
      <c r="E17" s="14">
        <v>3989</v>
      </c>
      <c r="F17" s="14"/>
      <c r="G17" s="18" t="s">
        <v>32</v>
      </c>
      <c r="H17" s="17"/>
      <c r="I17" s="13">
        <v>9544</v>
      </c>
      <c r="J17" s="14">
        <v>4765</v>
      </c>
      <c r="K17" s="14">
        <v>4779</v>
      </c>
    </row>
    <row r="18" spans="1:11" ht="15" customHeight="1">
      <c r="A18" s="17" t="s">
        <v>33</v>
      </c>
      <c r="B18" s="17"/>
      <c r="C18" s="13">
        <v>1661</v>
      </c>
      <c r="D18" s="19">
        <v>864</v>
      </c>
      <c r="E18" s="19">
        <v>797</v>
      </c>
      <c r="F18" s="19"/>
      <c r="G18" s="18" t="s">
        <v>34</v>
      </c>
      <c r="H18" s="17"/>
      <c r="I18" s="13">
        <v>2127</v>
      </c>
      <c r="J18" s="19">
        <v>1049</v>
      </c>
      <c r="K18" s="19">
        <v>1078</v>
      </c>
    </row>
    <row r="19" spans="1:11" ht="15" customHeight="1">
      <c r="A19" s="17" t="s">
        <v>35</v>
      </c>
      <c r="B19" s="17"/>
      <c r="C19" s="13">
        <v>1668</v>
      </c>
      <c r="D19" s="19">
        <v>842</v>
      </c>
      <c r="E19" s="19">
        <v>826</v>
      </c>
      <c r="F19" s="19"/>
      <c r="G19" s="18" t="s">
        <v>36</v>
      </c>
      <c r="H19" s="17"/>
      <c r="I19" s="13">
        <v>1914</v>
      </c>
      <c r="J19" s="19">
        <v>975</v>
      </c>
      <c r="K19" s="19">
        <v>939</v>
      </c>
    </row>
    <row r="20" spans="1:11" ht="15" customHeight="1">
      <c r="A20" s="17" t="s">
        <v>37</v>
      </c>
      <c r="B20" s="17"/>
      <c r="C20" s="13">
        <v>1626</v>
      </c>
      <c r="D20" s="19">
        <v>885</v>
      </c>
      <c r="E20" s="19">
        <v>741</v>
      </c>
      <c r="F20" s="19"/>
      <c r="G20" s="18" t="s">
        <v>38</v>
      </c>
      <c r="H20" s="17"/>
      <c r="I20" s="13">
        <v>1958</v>
      </c>
      <c r="J20" s="19">
        <v>1014</v>
      </c>
      <c r="K20" s="19">
        <v>944</v>
      </c>
    </row>
    <row r="21" spans="1:11" ht="15" customHeight="1">
      <c r="A21" s="17" t="s">
        <v>39</v>
      </c>
      <c r="B21" s="17"/>
      <c r="C21" s="13">
        <v>1679</v>
      </c>
      <c r="D21" s="19">
        <v>886</v>
      </c>
      <c r="E21" s="19">
        <v>793</v>
      </c>
      <c r="F21" s="19"/>
      <c r="G21" s="18" t="s">
        <v>40</v>
      </c>
      <c r="H21" s="17"/>
      <c r="I21" s="13">
        <v>1734</v>
      </c>
      <c r="J21" s="19">
        <v>833</v>
      </c>
      <c r="K21" s="19">
        <v>901</v>
      </c>
    </row>
    <row r="22" spans="1:11" ht="15" customHeight="1">
      <c r="A22" s="17" t="s">
        <v>41</v>
      </c>
      <c r="B22" s="17"/>
      <c r="C22" s="13">
        <v>1706</v>
      </c>
      <c r="D22" s="19">
        <v>874</v>
      </c>
      <c r="E22" s="19">
        <v>832</v>
      </c>
      <c r="F22" s="19"/>
      <c r="G22" s="18" t="s">
        <v>42</v>
      </c>
      <c r="H22" s="17"/>
      <c r="I22" s="13">
        <v>1811</v>
      </c>
      <c r="J22" s="19">
        <v>894</v>
      </c>
      <c r="K22" s="19">
        <v>917</v>
      </c>
    </row>
    <row r="23" spans="1:11" ht="20.100000000000001" customHeight="1">
      <c r="A23" s="17" t="s">
        <v>43</v>
      </c>
      <c r="B23" s="17"/>
      <c r="C23" s="13">
        <v>8779</v>
      </c>
      <c r="D23" s="14">
        <v>4435</v>
      </c>
      <c r="E23" s="14">
        <v>4344</v>
      </c>
      <c r="F23" s="14"/>
      <c r="G23" s="18" t="s">
        <v>44</v>
      </c>
      <c r="H23" s="17"/>
      <c r="I23" s="13">
        <v>9459</v>
      </c>
      <c r="J23" s="14">
        <v>4599</v>
      </c>
      <c r="K23" s="14">
        <v>4860</v>
      </c>
    </row>
    <row r="24" spans="1:11" ht="15" customHeight="1">
      <c r="A24" s="17" t="s">
        <v>45</v>
      </c>
      <c r="B24" s="17"/>
      <c r="C24" s="13">
        <v>1625</v>
      </c>
      <c r="D24" s="19">
        <v>844</v>
      </c>
      <c r="E24" s="19">
        <v>781</v>
      </c>
      <c r="F24" s="19"/>
      <c r="G24" s="18" t="s">
        <v>46</v>
      </c>
      <c r="H24" s="17"/>
      <c r="I24" s="13">
        <v>1781</v>
      </c>
      <c r="J24" s="19">
        <v>886</v>
      </c>
      <c r="K24" s="19">
        <v>895</v>
      </c>
    </row>
    <row r="25" spans="1:11" ht="15" customHeight="1">
      <c r="A25" s="17" t="s">
        <v>47</v>
      </c>
      <c r="B25" s="17"/>
      <c r="C25" s="13">
        <v>1729</v>
      </c>
      <c r="D25" s="19">
        <v>833</v>
      </c>
      <c r="E25" s="19">
        <v>896</v>
      </c>
      <c r="F25" s="19"/>
      <c r="G25" s="18" t="s">
        <v>48</v>
      </c>
      <c r="H25" s="17"/>
      <c r="I25" s="13">
        <v>1840</v>
      </c>
      <c r="J25" s="19">
        <v>916</v>
      </c>
      <c r="K25" s="19">
        <v>924</v>
      </c>
    </row>
    <row r="26" spans="1:11" ht="15" customHeight="1">
      <c r="A26" s="17" t="s">
        <v>49</v>
      </c>
      <c r="B26" s="17"/>
      <c r="C26" s="13">
        <v>1733</v>
      </c>
      <c r="D26" s="19">
        <v>896</v>
      </c>
      <c r="E26" s="19">
        <v>837</v>
      </c>
      <c r="F26" s="19"/>
      <c r="G26" s="18" t="s">
        <v>50</v>
      </c>
      <c r="H26" s="17"/>
      <c r="I26" s="13">
        <v>1861</v>
      </c>
      <c r="J26" s="19">
        <v>864</v>
      </c>
      <c r="K26" s="19">
        <v>997</v>
      </c>
    </row>
    <row r="27" spans="1:11" ht="15" customHeight="1">
      <c r="A27" s="17" t="s">
        <v>51</v>
      </c>
      <c r="B27" s="17"/>
      <c r="C27" s="13">
        <v>1798</v>
      </c>
      <c r="D27" s="19">
        <v>906</v>
      </c>
      <c r="E27" s="19">
        <v>892</v>
      </c>
      <c r="F27" s="19"/>
      <c r="G27" s="18" t="s">
        <v>52</v>
      </c>
      <c r="H27" s="17"/>
      <c r="I27" s="13">
        <v>1954</v>
      </c>
      <c r="J27" s="19">
        <v>920</v>
      </c>
      <c r="K27" s="19">
        <v>1034</v>
      </c>
    </row>
    <row r="28" spans="1:11" ht="15" customHeight="1">
      <c r="A28" s="17" t="s">
        <v>53</v>
      </c>
      <c r="B28" s="17"/>
      <c r="C28" s="13">
        <v>1894</v>
      </c>
      <c r="D28" s="19">
        <v>956</v>
      </c>
      <c r="E28" s="19">
        <v>938</v>
      </c>
      <c r="F28" s="19"/>
      <c r="G28" s="18" t="s">
        <v>54</v>
      </c>
      <c r="H28" s="17"/>
      <c r="I28" s="13">
        <v>2023</v>
      </c>
      <c r="J28" s="19">
        <v>1013</v>
      </c>
      <c r="K28" s="19">
        <v>1010</v>
      </c>
    </row>
    <row r="29" spans="1:11" ht="20.100000000000001" customHeight="1">
      <c r="A29" s="17" t="s">
        <v>55</v>
      </c>
      <c r="B29" s="17"/>
      <c r="C29" s="13">
        <v>9749</v>
      </c>
      <c r="D29" s="14">
        <v>4756</v>
      </c>
      <c r="E29" s="14">
        <v>4993</v>
      </c>
      <c r="F29" s="14"/>
      <c r="G29" s="18" t="s">
        <v>56</v>
      </c>
      <c r="H29" s="17"/>
      <c r="I29" s="13">
        <v>11350</v>
      </c>
      <c r="J29" s="14">
        <v>5283</v>
      </c>
      <c r="K29" s="14">
        <v>6067</v>
      </c>
    </row>
    <row r="30" spans="1:11" ht="15" customHeight="1">
      <c r="A30" s="17" t="s">
        <v>57</v>
      </c>
      <c r="B30" s="17"/>
      <c r="C30" s="13">
        <v>1938</v>
      </c>
      <c r="D30" s="19">
        <v>977</v>
      </c>
      <c r="E30" s="19">
        <v>961</v>
      </c>
      <c r="F30" s="19"/>
      <c r="G30" s="18" t="s">
        <v>58</v>
      </c>
      <c r="H30" s="17"/>
      <c r="I30" s="13">
        <v>2187</v>
      </c>
      <c r="J30" s="19">
        <v>1040</v>
      </c>
      <c r="K30" s="19">
        <v>1147</v>
      </c>
    </row>
    <row r="31" spans="1:11" ht="15" customHeight="1">
      <c r="A31" s="17" t="s">
        <v>59</v>
      </c>
      <c r="B31" s="17"/>
      <c r="C31" s="13">
        <v>1979</v>
      </c>
      <c r="D31" s="19">
        <v>921</v>
      </c>
      <c r="E31" s="19">
        <v>1058</v>
      </c>
      <c r="F31" s="19"/>
      <c r="G31" s="18" t="s">
        <v>60</v>
      </c>
      <c r="H31" s="17"/>
      <c r="I31" s="13">
        <v>2500</v>
      </c>
      <c r="J31" s="19">
        <v>1167</v>
      </c>
      <c r="K31" s="19">
        <v>1333</v>
      </c>
    </row>
    <row r="32" spans="1:11" ht="15" customHeight="1">
      <c r="A32" s="17" t="s">
        <v>61</v>
      </c>
      <c r="B32" s="17"/>
      <c r="C32" s="13">
        <v>1994</v>
      </c>
      <c r="D32" s="19">
        <v>979</v>
      </c>
      <c r="E32" s="19">
        <v>1015</v>
      </c>
      <c r="F32" s="19"/>
      <c r="G32" s="18" t="s">
        <v>62</v>
      </c>
      <c r="H32" s="17"/>
      <c r="I32" s="13">
        <v>2473</v>
      </c>
      <c r="J32" s="19">
        <v>1147</v>
      </c>
      <c r="K32" s="19">
        <v>1326</v>
      </c>
    </row>
    <row r="33" spans="1:11" ht="15" customHeight="1">
      <c r="A33" s="17" t="s">
        <v>63</v>
      </c>
      <c r="B33" s="17"/>
      <c r="C33" s="13">
        <v>1914</v>
      </c>
      <c r="D33" s="19">
        <v>940</v>
      </c>
      <c r="E33" s="19">
        <v>974</v>
      </c>
      <c r="F33" s="19"/>
      <c r="G33" s="18" t="s">
        <v>64</v>
      </c>
      <c r="H33" s="17"/>
      <c r="I33" s="13">
        <v>2433</v>
      </c>
      <c r="J33" s="19">
        <v>1107</v>
      </c>
      <c r="K33" s="19">
        <v>1326</v>
      </c>
    </row>
    <row r="34" spans="1:11" ht="15" customHeight="1">
      <c r="A34" s="17" t="s">
        <v>65</v>
      </c>
      <c r="B34" s="17"/>
      <c r="C34" s="13">
        <v>1924</v>
      </c>
      <c r="D34" s="19">
        <v>939</v>
      </c>
      <c r="E34" s="19">
        <v>985</v>
      </c>
      <c r="F34" s="19"/>
      <c r="G34" s="18" t="s">
        <v>66</v>
      </c>
      <c r="H34" s="17"/>
      <c r="I34" s="13">
        <v>1757</v>
      </c>
      <c r="J34" s="19">
        <v>822</v>
      </c>
      <c r="K34" s="19">
        <v>935</v>
      </c>
    </row>
    <row r="35" spans="1:11" ht="20.100000000000001" customHeight="1">
      <c r="A35" s="17" t="s">
        <v>67</v>
      </c>
      <c r="B35" s="17"/>
      <c r="C35" s="13">
        <v>9103</v>
      </c>
      <c r="D35" s="14">
        <v>4502</v>
      </c>
      <c r="E35" s="14">
        <v>4601</v>
      </c>
      <c r="F35" s="14"/>
      <c r="G35" s="18" t="s">
        <v>68</v>
      </c>
      <c r="H35" s="17"/>
      <c r="I35" s="13">
        <v>9283</v>
      </c>
      <c r="J35" s="14">
        <v>4130</v>
      </c>
      <c r="K35" s="14">
        <v>5153</v>
      </c>
    </row>
    <row r="36" spans="1:11" ht="15" customHeight="1">
      <c r="A36" s="17" t="s">
        <v>69</v>
      </c>
      <c r="B36" s="17"/>
      <c r="C36" s="13">
        <v>1817</v>
      </c>
      <c r="D36" s="19">
        <v>888</v>
      </c>
      <c r="E36" s="19">
        <v>929</v>
      </c>
      <c r="F36" s="19"/>
      <c r="G36" s="18" t="s">
        <v>70</v>
      </c>
      <c r="H36" s="17"/>
      <c r="I36" s="13">
        <v>1620</v>
      </c>
      <c r="J36" s="19">
        <v>739</v>
      </c>
      <c r="K36" s="19">
        <v>881</v>
      </c>
    </row>
    <row r="37" spans="1:11" ht="15" customHeight="1">
      <c r="A37" s="17" t="s">
        <v>71</v>
      </c>
      <c r="B37" s="17"/>
      <c r="C37" s="13">
        <v>1884</v>
      </c>
      <c r="D37" s="19">
        <v>896</v>
      </c>
      <c r="E37" s="19">
        <v>988</v>
      </c>
      <c r="F37" s="19"/>
      <c r="G37" s="18" t="s">
        <v>72</v>
      </c>
      <c r="H37" s="17"/>
      <c r="I37" s="13">
        <v>1861</v>
      </c>
      <c r="J37" s="19">
        <v>816</v>
      </c>
      <c r="K37" s="19">
        <v>1045</v>
      </c>
    </row>
    <row r="38" spans="1:11" ht="15" customHeight="1">
      <c r="A38" s="17" t="s">
        <v>73</v>
      </c>
      <c r="B38" s="17"/>
      <c r="C38" s="13">
        <v>1798</v>
      </c>
      <c r="D38" s="19">
        <v>930</v>
      </c>
      <c r="E38" s="19">
        <v>868</v>
      </c>
      <c r="F38" s="19"/>
      <c r="G38" s="18" t="s">
        <v>74</v>
      </c>
      <c r="H38" s="17"/>
      <c r="I38" s="13">
        <v>2038</v>
      </c>
      <c r="J38" s="19">
        <v>917</v>
      </c>
      <c r="K38" s="19">
        <v>1121</v>
      </c>
    </row>
    <row r="39" spans="1:11" ht="15" customHeight="1">
      <c r="A39" s="17" t="s">
        <v>75</v>
      </c>
      <c r="B39" s="17"/>
      <c r="C39" s="13">
        <v>1780</v>
      </c>
      <c r="D39" s="19">
        <v>876</v>
      </c>
      <c r="E39" s="19">
        <v>904</v>
      </c>
      <c r="F39" s="19"/>
      <c r="G39" s="18" t="s">
        <v>76</v>
      </c>
      <c r="H39" s="17"/>
      <c r="I39" s="13">
        <v>1925</v>
      </c>
      <c r="J39" s="19">
        <v>855</v>
      </c>
      <c r="K39" s="19">
        <v>1070</v>
      </c>
    </row>
    <row r="40" spans="1:11" ht="15" customHeight="1">
      <c r="A40" s="17" t="s">
        <v>77</v>
      </c>
      <c r="B40" s="17"/>
      <c r="C40" s="13">
        <v>1824</v>
      </c>
      <c r="D40" s="19">
        <v>912</v>
      </c>
      <c r="E40" s="19">
        <v>912</v>
      </c>
      <c r="F40" s="19"/>
      <c r="G40" s="18" t="s">
        <v>78</v>
      </c>
      <c r="H40" s="17"/>
      <c r="I40" s="13">
        <v>1839</v>
      </c>
      <c r="J40" s="19">
        <v>803</v>
      </c>
      <c r="K40" s="19">
        <v>1036</v>
      </c>
    </row>
    <row r="41" spans="1:11" ht="20.100000000000001" customHeight="1">
      <c r="A41" s="17" t="s">
        <v>79</v>
      </c>
      <c r="B41" s="17"/>
      <c r="C41" s="13">
        <v>9650</v>
      </c>
      <c r="D41" s="14">
        <v>4961</v>
      </c>
      <c r="E41" s="14">
        <v>4689</v>
      </c>
      <c r="F41" s="14"/>
      <c r="G41" s="18" t="s">
        <v>80</v>
      </c>
      <c r="H41" s="17"/>
      <c r="I41" s="13">
        <v>7177</v>
      </c>
      <c r="J41" s="14">
        <v>3170</v>
      </c>
      <c r="K41" s="14">
        <v>4007</v>
      </c>
    </row>
    <row r="42" spans="1:11" ht="15" customHeight="1">
      <c r="A42" s="17" t="s">
        <v>81</v>
      </c>
      <c r="B42" s="17"/>
      <c r="C42" s="13">
        <v>1861</v>
      </c>
      <c r="D42" s="19">
        <v>943</v>
      </c>
      <c r="E42" s="19">
        <v>918</v>
      </c>
      <c r="F42" s="19"/>
      <c r="G42" s="18" t="s">
        <v>82</v>
      </c>
      <c r="H42" s="17"/>
      <c r="I42" s="13">
        <v>1633</v>
      </c>
      <c r="J42" s="19">
        <v>730</v>
      </c>
      <c r="K42" s="19">
        <v>903</v>
      </c>
    </row>
    <row r="43" spans="1:11" ht="15" customHeight="1">
      <c r="A43" s="17" t="s">
        <v>83</v>
      </c>
      <c r="B43" s="17"/>
      <c r="C43" s="13">
        <v>1878</v>
      </c>
      <c r="D43" s="19">
        <v>974</v>
      </c>
      <c r="E43" s="19">
        <v>904</v>
      </c>
      <c r="F43" s="19"/>
      <c r="G43" s="18" t="s">
        <v>84</v>
      </c>
      <c r="H43" s="17"/>
      <c r="I43" s="13">
        <v>1448</v>
      </c>
      <c r="J43" s="19">
        <v>658</v>
      </c>
      <c r="K43" s="19">
        <v>790</v>
      </c>
    </row>
    <row r="44" spans="1:11" ht="15" customHeight="1">
      <c r="A44" s="17" t="s">
        <v>85</v>
      </c>
      <c r="B44" s="17"/>
      <c r="C44" s="13">
        <v>1978</v>
      </c>
      <c r="D44" s="19">
        <v>1068</v>
      </c>
      <c r="E44" s="19">
        <v>910</v>
      </c>
      <c r="F44" s="19"/>
      <c r="G44" s="18" t="s">
        <v>86</v>
      </c>
      <c r="H44" s="17"/>
      <c r="I44" s="13">
        <v>1362</v>
      </c>
      <c r="J44" s="19">
        <v>583</v>
      </c>
      <c r="K44" s="19">
        <v>779</v>
      </c>
    </row>
    <row r="45" spans="1:11" ht="15" customHeight="1">
      <c r="A45" s="17" t="s">
        <v>87</v>
      </c>
      <c r="B45" s="17"/>
      <c r="C45" s="13">
        <v>1920</v>
      </c>
      <c r="D45" s="19">
        <v>986</v>
      </c>
      <c r="E45" s="19">
        <v>934</v>
      </c>
      <c r="F45" s="19"/>
      <c r="G45" s="18" t="s">
        <v>88</v>
      </c>
      <c r="H45" s="17"/>
      <c r="I45" s="13">
        <v>1432</v>
      </c>
      <c r="J45" s="19">
        <v>643</v>
      </c>
      <c r="K45" s="19">
        <v>789</v>
      </c>
    </row>
    <row r="46" spans="1:11" ht="15" customHeight="1">
      <c r="A46" s="17" t="s">
        <v>89</v>
      </c>
      <c r="B46" s="17"/>
      <c r="C46" s="13">
        <v>2013</v>
      </c>
      <c r="D46" s="19">
        <v>990</v>
      </c>
      <c r="E46" s="19">
        <v>1023</v>
      </c>
      <c r="F46" s="19"/>
      <c r="G46" s="18" t="s">
        <v>90</v>
      </c>
      <c r="H46" s="17"/>
      <c r="I46" s="13">
        <v>1302</v>
      </c>
      <c r="J46" s="19">
        <v>556</v>
      </c>
      <c r="K46" s="19">
        <v>746</v>
      </c>
    </row>
    <row r="47" spans="1:11" ht="20.100000000000001" customHeight="1">
      <c r="A47" s="17" t="s">
        <v>91</v>
      </c>
      <c r="B47" s="17"/>
      <c r="C47" s="13">
        <v>11016</v>
      </c>
      <c r="D47" s="14">
        <v>5614</v>
      </c>
      <c r="E47" s="14">
        <v>5402</v>
      </c>
      <c r="F47" s="14"/>
      <c r="G47" s="18" t="s">
        <v>92</v>
      </c>
      <c r="H47" s="17"/>
      <c r="I47" s="13">
        <v>4835</v>
      </c>
      <c r="J47" s="14">
        <v>1766</v>
      </c>
      <c r="K47" s="14">
        <v>3069</v>
      </c>
    </row>
    <row r="48" spans="1:11" ht="15" customHeight="1">
      <c r="A48" s="17" t="s">
        <v>93</v>
      </c>
      <c r="B48" s="17"/>
      <c r="C48" s="13">
        <v>2114</v>
      </c>
      <c r="D48" s="19">
        <v>1045</v>
      </c>
      <c r="E48" s="19">
        <v>1069</v>
      </c>
      <c r="F48" s="19"/>
      <c r="G48" s="18" t="s">
        <v>94</v>
      </c>
      <c r="H48" s="17"/>
      <c r="I48" s="13">
        <v>1233</v>
      </c>
      <c r="J48" s="19">
        <v>472</v>
      </c>
      <c r="K48" s="19">
        <v>761</v>
      </c>
    </row>
    <row r="49" spans="1:11" ht="15" customHeight="1">
      <c r="A49" s="17" t="s">
        <v>95</v>
      </c>
      <c r="B49" s="17"/>
      <c r="C49" s="13">
        <v>2185</v>
      </c>
      <c r="D49" s="19">
        <v>1105</v>
      </c>
      <c r="E49" s="19">
        <v>1080</v>
      </c>
      <c r="F49" s="19"/>
      <c r="G49" s="18" t="s">
        <v>96</v>
      </c>
      <c r="H49" s="17"/>
      <c r="I49" s="13">
        <v>1074</v>
      </c>
      <c r="J49" s="19">
        <v>384</v>
      </c>
      <c r="K49" s="19">
        <v>690</v>
      </c>
    </row>
    <row r="50" spans="1:11" ht="15" customHeight="1">
      <c r="A50" s="17" t="s">
        <v>97</v>
      </c>
      <c r="B50" s="17"/>
      <c r="C50" s="13">
        <v>2207</v>
      </c>
      <c r="D50" s="19">
        <v>1102</v>
      </c>
      <c r="E50" s="19">
        <v>1105</v>
      </c>
      <c r="F50" s="19"/>
      <c r="G50" s="18" t="s">
        <v>98</v>
      </c>
      <c r="H50" s="17"/>
      <c r="I50" s="13">
        <v>947</v>
      </c>
      <c r="J50" s="19">
        <v>368</v>
      </c>
      <c r="K50" s="19">
        <v>579</v>
      </c>
    </row>
    <row r="51" spans="1:11" ht="15" customHeight="1">
      <c r="A51" s="17" t="s">
        <v>99</v>
      </c>
      <c r="B51" s="17"/>
      <c r="C51" s="13">
        <v>2256</v>
      </c>
      <c r="D51" s="19">
        <v>1182</v>
      </c>
      <c r="E51" s="19">
        <v>1074</v>
      </c>
      <c r="F51" s="19"/>
      <c r="G51" s="18" t="s">
        <v>100</v>
      </c>
      <c r="H51" s="17"/>
      <c r="I51" s="13">
        <v>858</v>
      </c>
      <c r="J51" s="19">
        <v>307</v>
      </c>
      <c r="K51" s="19">
        <v>551</v>
      </c>
    </row>
    <row r="52" spans="1:11" ht="15" customHeight="1">
      <c r="A52" s="17" t="s">
        <v>101</v>
      </c>
      <c r="B52" s="17"/>
      <c r="C52" s="13">
        <v>2254</v>
      </c>
      <c r="D52" s="19">
        <v>1180</v>
      </c>
      <c r="E52" s="19">
        <v>1074</v>
      </c>
      <c r="F52" s="19"/>
      <c r="G52" s="18" t="s">
        <v>102</v>
      </c>
      <c r="H52" s="17"/>
      <c r="I52" s="13">
        <v>723</v>
      </c>
      <c r="J52" s="19">
        <v>235</v>
      </c>
      <c r="K52" s="19">
        <v>488</v>
      </c>
    </row>
    <row r="53" spans="1:11" ht="20.100000000000001" customHeight="1">
      <c r="A53" s="17" t="s">
        <v>103</v>
      </c>
      <c r="B53" s="17"/>
      <c r="C53" s="13">
        <v>12466</v>
      </c>
      <c r="D53" s="14">
        <v>6348</v>
      </c>
      <c r="E53" s="14">
        <v>6118</v>
      </c>
      <c r="F53" s="14"/>
      <c r="G53" s="18" t="s">
        <v>104</v>
      </c>
      <c r="H53" s="17"/>
      <c r="I53" s="13">
        <v>2030</v>
      </c>
      <c r="J53" s="14">
        <v>594</v>
      </c>
      <c r="K53" s="14">
        <v>1436</v>
      </c>
    </row>
    <row r="54" spans="1:11" ht="15" customHeight="1">
      <c r="A54" s="17" t="s">
        <v>105</v>
      </c>
      <c r="B54" s="17"/>
      <c r="C54" s="13">
        <v>2302</v>
      </c>
      <c r="D54" s="19">
        <v>1148</v>
      </c>
      <c r="E54" s="19">
        <v>1154</v>
      </c>
      <c r="F54" s="19"/>
      <c r="G54" s="18" t="s">
        <v>106</v>
      </c>
      <c r="H54" s="17"/>
      <c r="I54" s="13">
        <v>578</v>
      </c>
      <c r="J54" s="19">
        <v>194</v>
      </c>
      <c r="K54" s="19">
        <v>384</v>
      </c>
    </row>
    <row r="55" spans="1:11" ht="15" customHeight="1">
      <c r="A55" s="17" t="s">
        <v>107</v>
      </c>
      <c r="B55" s="17"/>
      <c r="C55" s="13">
        <v>2405</v>
      </c>
      <c r="D55" s="19">
        <v>1261</v>
      </c>
      <c r="E55" s="19">
        <v>1144</v>
      </c>
      <c r="F55" s="19"/>
      <c r="G55" s="18" t="s">
        <v>108</v>
      </c>
      <c r="H55" s="17"/>
      <c r="I55" s="13">
        <v>487</v>
      </c>
      <c r="J55" s="19">
        <v>153</v>
      </c>
      <c r="K55" s="19">
        <v>334</v>
      </c>
    </row>
    <row r="56" spans="1:11" ht="15" customHeight="1">
      <c r="A56" s="17" t="s">
        <v>109</v>
      </c>
      <c r="B56" s="17"/>
      <c r="C56" s="13">
        <v>2482</v>
      </c>
      <c r="D56" s="19">
        <v>1318</v>
      </c>
      <c r="E56" s="19">
        <v>1164</v>
      </c>
      <c r="F56" s="19"/>
      <c r="G56" s="18" t="s">
        <v>110</v>
      </c>
      <c r="H56" s="17"/>
      <c r="I56" s="13">
        <v>413</v>
      </c>
      <c r="J56" s="19">
        <v>118</v>
      </c>
      <c r="K56" s="19">
        <v>295</v>
      </c>
    </row>
    <row r="57" spans="1:11" ht="15" customHeight="1">
      <c r="A57" s="17" t="s">
        <v>111</v>
      </c>
      <c r="B57" s="17"/>
      <c r="C57" s="13">
        <v>2618</v>
      </c>
      <c r="D57" s="19">
        <v>1317</v>
      </c>
      <c r="E57" s="19">
        <v>1301</v>
      </c>
      <c r="F57" s="19"/>
      <c r="G57" s="18" t="s">
        <v>112</v>
      </c>
      <c r="H57" s="17"/>
      <c r="I57" s="13">
        <v>303</v>
      </c>
      <c r="J57" s="19">
        <v>72</v>
      </c>
      <c r="K57" s="19">
        <v>231</v>
      </c>
    </row>
    <row r="58" spans="1:11" ht="15" customHeight="1">
      <c r="A58" s="17" t="s">
        <v>113</v>
      </c>
      <c r="B58" s="17"/>
      <c r="C58" s="13">
        <v>2659</v>
      </c>
      <c r="D58" s="19">
        <v>1304</v>
      </c>
      <c r="E58" s="19">
        <v>1355</v>
      </c>
      <c r="F58" s="19"/>
      <c r="G58" s="18" t="s">
        <v>114</v>
      </c>
      <c r="H58" s="17"/>
      <c r="I58" s="13">
        <v>249</v>
      </c>
      <c r="J58" s="19">
        <v>57</v>
      </c>
      <c r="K58" s="19">
        <v>192</v>
      </c>
    </row>
    <row r="59" spans="1:11" ht="20.100000000000001" customHeight="1">
      <c r="A59" s="17" t="s">
        <v>115</v>
      </c>
      <c r="B59" s="17"/>
      <c r="C59" s="13">
        <v>15252</v>
      </c>
      <c r="D59" s="14">
        <v>7634</v>
      </c>
      <c r="E59" s="14">
        <v>7618</v>
      </c>
      <c r="F59" s="14"/>
      <c r="G59" s="18" t="s">
        <v>116</v>
      </c>
      <c r="H59" s="17"/>
      <c r="I59" s="13">
        <v>586</v>
      </c>
      <c r="J59" s="14">
        <v>93</v>
      </c>
      <c r="K59" s="14">
        <v>493</v>
      </c>
    </row>
    <row r="60" spans="1:11" ht="15" customHeight="1">
      <c r="A60" s="17" t="s">
        <v>117</v>
      </c>
      <c r="B60" s="17"/>
      <c r="C60" s="13">
        <v>2717</v>
      </c>
      <c r="D60" s="19">
        <v>1405</v>
      </c>
      <c r="E60" s="19">
        <v>1312</v>
      </c>
      <c r="F60" s="19"/>
      <c r="G60" s="18" t="s">
        <v>118</v>
      </c>
      <c r="H60" s="17"/>
      <c r="I60" s="13">
        <v>204</v>
      </c>
      <c r="J60" s="19">
        <v>37</v>
      </c>
      <c r="K60" s="19">
        <v>167</v>
      </c>
    </row>
    <row r="61" spans="1:11" ht="15" customHeight="1">
      <c r="A61" s="17" t="s">
        <v>119</v>
      </c>
      <c r="B61" s="17"/>
      <c r="C61" s="13">
        <v>3015</v>
      </c>
      <c r="D61" s="19">
        <v>1500</v>
      </c>
      <c r="E61" s="19">
        <v>1515</v>
      </c>
      <c r="F61" s="19"/>
      <c r="G61" s="18" t="s">
        <v>120</v>
      </c>
      <c r="H61" s="17"/>
      <c r="I61" s="13">
        <v>132</v>
      </c>
      <c r="J61" s="19">
        <v>23</v>
      </c>
      <c r="K61" s="19">
        <v>109</v>
      </c>
    </row>
    <row r="62" spans="1:11" ht="15" customHeight="1">
      <c r="A62" s="17" t="s">
        <v>121</v>
      </c>
      <c r="B62" s="17"/>
      <c r="C62" s="13">
        <v>3154</v>
      </c>
      <c r="D62" s="19">
        <v>1562</v>
      </c>
      <c r="E62" s="19">
        <v>1592</v>
      </c>
      <c r="F62" s="19"/>
      <c r="G62" s="18" t="s">
        <v>122</v>
      </c>
      <c r="H62" s="17"/>
      <c r="I62" s="13">
        <v>108</v>
      </c>
      <c r="J62" s="19">
        <v>15</v>
      </c>
      <c r="K62" s="19">
        <v>93</v>
      </c>
    </row>
    <row r="63" spans="1:11" ht="15" customHeight="1">
      <c r="A63" s="17" t="s">
        <v>123</v>
      </c>
      <c r="B63" s="17"/>
      <c r="C63" s="13">
        <v>3176</v>
      </c>
      <c r="D63" s="19">
        <v>1586</v>
      </c>
      <c r="E63" s="19">
        <v>1590</v>
      </c>
      <c r="F63" s="19"/>
      <c r="G63" s="18" t="s">
        <v>124</v>
      </c>
      <c r="H63" s="17"/>
      <c r="I63" s="13">
        <v>74</v>
      </c>
      <c r="J63" s="19">
        <v>7</v>
      </c>
      <c r="K63" s="19">
        <v>67</v>
      </c>
    </row>
    <row r="64" spans="1:11" ht="15" customHeight="1">
      <c r="A64" s="17" t="s">
        <v>125</v>
      </c>
      <c r="B64" s="17"/>
      <c r="C64" s="13">
        <v>3190</v>
      </c>
      <c r="D64" s="19">
        <v>1581</v>
      </c>
      <c r="E64" s="19">
        <v>1609</v>
      </c>
      <c r="F64" s="19"/>
      <c r="G64" s="18" t="s">
        <v>126</v>
      </c>
      <c r="H64" s="17"/>
      <c r="I64" s="13">
        <v>68</v>
      </c>
      <c r="J64" s="19">
        <v>11</v>
      </c>
      <c r="K64" s="19">
        <v>5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07</v>
      </c>
      <c r="J65" s="19">
        <v>7</v>
      </c>
      <c r="K65" s="19">
        <v>10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260</v>
      </c>
      <c r="J66" s="29">
        <v>2044</v>
      </c>
      <c r="K66" s="29">
        <v>1216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22480</v>
      </c>
      <c r="D4" s="14">
        <v>59278</v>
      </c>
      <c r="E4" s="14">
        <v>6320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961</v>
      </c>
      <c r="D5" s="14">
        <v>2078</v>
      </c>
      <c r="E5" s="14">
        <v>1883</v>
      </c>
      <c r="F5" s="14"/>
      <c r="G5" s="18" t="s">
        <v>8</v>
      </c>
      <c r="H5" s="17"/>
      <c r="I5" s="13">
        <v>9611</v>
      </c>
      <c r="J5" s="14">
        <v>4922</v>
      </c>
      <c r="K5" s="14">
        <v>4689</v>
      </c>
    </row>
    <row r="6" spans="1:11" ht="15" customHeight="1">
      <c r="A6" s="17" t="s">
        <v>9</v>
      </c>
      <c r="B6" s="17"/>
      <c r="C6" s="13">
        <v>753</v>
      </c>
      <c r="D6" s="19">
        <v>414</v>
      </c>
      <c r="E6" s="19">
        <v>339</v>
      </c>
      <c r="F6" s="19"/>
      <c r="G6" s="18" t="s">
        <v>10</v>
      </c>
      <c r="H6" s="17"/>
      <c r="I6" s="13">
        <v>2138</v>
      </c>
      <c r="J6" s="19">
        <v>1097</v>
      </c>
      <c r="K6" s="19">
        <v>1041</v>
      </c>
    </row>
    <row r="7" spans="1:11" ht="15" customHeight="1">
      <c r="A7" s="17" t="s">
        <v>11</v>
      </c>
      <c r="B7" s="17"/>
      <c r="C7" s="13">
        <v>767</v>
      </c>
      <c r="D7" s="19">
        <v>391</v>
      </c>
      <c r="E7" s="19">
        <v>376</v>
      </c>
      <c r="F7" s="19"/>
      <c r="G7" s="18" t="s">
        <v>12</v>
      </c>
      <c r="H7" s="17"/>
      <c r="I7" s="13">
        <v>2002</v>
      </c>
      <c r="J7" s="19">
        <v>1033</v>
      </c>
      <c r="K7" s="19">
        <v>969</v>
      </c>
    </row>
    <row r="8" spans="1:11" ht="15" customHeight="1">
      <c r="A8" s="17" t="s">
        <v>13</v>
      </c>
      <c r="B8" s="17"/>
      <c r="C8" s="13">
        <v>809</v>
      </c>
      <c r="D8" s="19">
        <v>426</v>
      </c>
      <c r="E8" s="19">
        <v>383</v>
      </c>
      <c r="F8" s="19"/>
      <c r="G8" s="18" t="s">
        <v>14</v>
      </c>
      <c r="H8" s="17"/>
      <c r="I8" s="13">
        <v>1968</v>
      </c>
      <c r="J8" s="19">
        <v>1015</v>
      </c>
      <c r="K8" s="19">
        <v>953</v>
      </c>
    </row>
    <row r="9" spans="1:11" ht="15" customHeight="1">
      <c r="A9" s="17" t="s">
        <v>15</v>
      </c>
      <c r="B9" s="17"/>
      <c r="C9" s="13">
        <v>772</v>
      </c>
      <c r="D9" s="19">
        <v>406</v>
      </c>
      <c r="E9" s="19">
        <v>366</v>
      </c>
      <c r="F9" s="19"/>
      <c r="G9" s="18" t="s">
        <v>16</v>
      </c>
      <c r="H9" s="17"/>
      <c r="I9" s="13">
        <v>2001</v>
      </c>
      <c r="J9" s="19">
        <v>1006</v>
      </c>
      <c r="K9" s="19">
        <v>995</v>
      </c>
    </row>
    <row r="10" spans="1:11" ht="15" customHeight="1">
      <c r="A10" s="17" t="s">
        <v>17</v>
      </c>
      <c r="B10" s="17"/>
      <c r="C10" s="13">
        <v>860</v>
      </c>
      <c r="D10" s="19">
        <v>441</v>
      </c>
      <c r="E10" s="19">
        <v>419</v>
      </c>
      <c r="F10" s="19"/>
      <c r="G10" s="18" t="s">
        <v>18</v>
      </c>
      <c r="H10" s="17"/>
      <c r="I10" s="13">
        <v>1502</v>
      </c>
      <c r="J10" s="19">
        <v>771</v>
      </c>
      <c r="K10" s="19">
        <v>731</v>
      </c>
    </row>
    <row r="11" spans="1:11" ht="20.100000000000001" customHeight="1">
      <c r="A11" s="17" t="s">
        <v>19</v>
      </c>
      <c r="B11" s="17"/>
      <c r="C11" s="13">
        <v>4660</v>
      </c>
      <c r="D11" s="14">
        <v>2335</v>
      </c>
      <c r="E11" s="14">
        <v>2325</v>
      </c>
      <c r="F11" s="14"/>
      <c r="G11" s="18" t="s">
        <v>20</v>
      </c>
      <c r="H11" s="17"/>
      <c r="I11" s="13">
        <v>7952</v>
      </c>
      <c r="J11" s="14">
        <v>4034</v>
      </c>
      <c r="K11" s="14">
        <v>3918</v>
      </c>
    </row>
    <row r="12" spans="1:11" ht="15" customHeight="1">
      <c r="A12" s="17" t="s">
        <v>21</v>
      </c>
      <c r="B12" s="17"/>
      <c r="C12" s="13">
        <v>922</v>
      </c>
      <c r="D12" s="19">
        <v>444</v>
      </c>
      <c r="E12" s="19">
        <v>478</v>
      </c>
      <c r="F12" s="19"/>
      <c r="G12" s="18" t="s">
        <v>22</v>
      </c>
      <c r="H12" s="17"/>
      <c r="I12" s="13">
        <v>1851</v>
      </c>
      <c r="J12" s="19">
        <v>922</v>
      </c>
      <c r="K12" s="19">
        <v>929</v>
      </c>
    </row>
    <row r="13" spans="1:11" ht="15" customHeight="1">
      <c r="A13" s="17" t="s">
        <v>23</v>
      </c>
      <c r="B13" s="17"/>
      <c r="C13" s="13">
        <v>884</v>
      </c>
      <c r="D13" s="19">
        <v>446</v>
      </c>
      <c r="E13" s="19">
        <v>438</v>
      </c>
      <c r="F13" s="19"/>
      <c r="G13" s="18" t="s">
        <v>24</v>
      </c>
      <c r="H13" s="17"/>
      <c r="I13" s="13">
        <v>1613</v>
      </c>
      <c r="J13" s="19">
        <v>823</v>
      </c>
      <c r="K13" s="19">
        <v>790</v>
      </c>
    </row>
    <row r="14" spans="1:11" ht="15" customHeight="1">
      <c r="A14" s="17" t="s">
        <v>25</v>
      </c>
      <c r="B14" s="17"/>
      <c r="C14" s="13">
        <v>941</v>
      </c>
      <c r="D14" s="19">
        <v>458</v>
      </c>
      <c r="E14" s="19">
        <v>483</v>
      </c>
      <c r="F14" s="19"/>
      <c r="G14" s="18" t="s">
        <v>26</v>
      </c>
      <c r="H14" s="17"/>
      <c r="I14" s="13">
        <v>1597</v>
      </c>
      <c r="J14" s="19">
        <v>852</v>
      </c>
      <c r="K14" s="19">
        <v>745</v>
      </c>
    </row>
    <row r="15" spans="1:11" ht="15" customHeight="1">
      <c r="A15" s="17" t="s">
        <v>27</v>
      </c>
      <c r="B15" s="17"/>
      <c r="C15" s="13">
        <v>971</v>
      </c>
      <c r="D15" s="19">
        <v>488</v>
      </c>
      <c r="E15" s="19">
        <v>483</v>
      </c>
      <c r="F15" s="19"/>
      <c r="G15" s="18" t="s">
        <v>28</v>
      </c>
      <c r="H15" s="17"/>
      <c r="I15" s="13">
        <v>1479</v>
      </c>
      <c r="J15" s="19">
        <v>737</v>
      </c>
      <c r="K15" s="19">
        <v>742</v>
      </c>
    </row>
    <row r="16" spans="1:11" ht="15" customHeight="1">
      <c r="A16" s="17" t="s">
        <v>29</v>
      </c>
      <c r="B16" s="17"/>
      <c r="C16" s="13">
        <v>942</v>
      </c>
      <c r="D16" s="19">
        <v>499</v>
      </c>
      <c r="E16" s="19">
        <v>443</v>
      </c>
      <c r="F16" s="19"/>
      <c r="G16" s="18" t="s">
        <v>30</v>
      </c>
      <c r="H16" s="17"/>
      <c r="I16" s="13">
        <v>1412</v>
      </c>
      <c r="J16" s="19">
        <v>700</v>
      </c>
      <c r="K16" s="19">
        <v>712</v>
      </c>
    </row>
    <row r="17" spans="1:11" ht="20.100000000000001" customHeight="1">
      <c r="A17" s="20" t="s">
        <v>31</v>
      </c>
      <c r="B17" s="20"/>
      <c r="C17" s="13">
        <v>5425</v>
      </c>
      <c r="D17" s="14">
        <v>2769</v>
      </c>
      <c r="E17" s="14">
        <v>2656</v>
      </c>
      <c r="F17" s="14"/>
      <c r="G17" s="18" t="s">
        <v>32</v>
      </c>
      <c r="H17" s="17"/>
      <c r="I17" s="13">
        <v>6361</v>
      </c>
      <c r="J17" s="14">
        <v>3178</v>
      </c>
      <c r="K17" s="14">
        <v>3183</v>
      </c>
    </row>
    <row r="18" spans="1:11" ht="15" customHeight="1">
      <c r="A18" s="17" t="s">
        <v>33</v>
      </c>
      <c r="B18" s="17"/>
      <c r="C18" s="13">
        <v>991</v>
      </c>
      <c r="D18" s="19">
        <v>503</v>
      </c>
      <c r="E18" s="19">
        <v>488</v>
      </c>
      <c r="F18" s="19"/>
      <c r="G18" s="18" t="s">
        <v>34</v>
      </c>
      <c r="H18" s="17"/>
      <c r="I18" s="13">
        <v>1327</v>
      </c>
      <c r="J18" s="19">
        <v>644</v>
      </c>
      <c r="K18" s="19">
        <v>683</v>
      </c>
    </row>
    <row r="19" spans="1:11" ht="15" customHeight="1">
      <c r="A19" s="17" t="s">
        <v>35</v>
      </c>
      <c r="B19" s="17"/>
      <c r="C19" s="13">
        <v>1053</v>
      </c>
      <c r="D19" s="19">
        <v>528</v>
      </c>
      <c r="E19" s="19">
        <v>525</v>
      </c>
      <c r="F19" s="19"/>
      <c r="G19" s="18" t="s">
        <v>36</v>
      </c>
      <c r="H19" s="17"/>
      <c r="I19" s="13">
        <v>1267</v>
      </c>
      <c r="J19" s="19">
        <v>659</v>
      </c>
      <c r="K19" s="19">
        <v>608</v>
      </c>
    </row>
    <row r="20" spans="1:11" ht="15" customHeight="1">
      <c r="A20" s="17" t="s">
        <v>37</v>
      </c>
      <c r="B20" s="17"/>
      <c r="C20" s="13">
        <v>1100</v>
      </c>
      <c r="D20" s="19">
        <v>564</v>
      </c>
      <c r="E20" s="19">
        <v>536</v>
      </c>
      <c r="F20" s="19"/>
      <c r="G20" s="18" t="s">
        <v>38</v>
      </c>
      <c r="H20" s="17"/>
      <c r="I20" s="13">
        <v>1358</v>
      </c>
      <c r="J20" s="19">
        <v>679</v>
      </c>
      <c r="K20" s="19">
        <v>679</v>
      </c>
    </row>
    <row r="21" spans="1:11" ht="15" customHeight="1">
      <c r="A21" s="17" t="s">
        <v>39</v>
      </c>
      <c r="B21" s="17"/>
      <c r="C21" s="13">
        <v>1117</v>
      </c>
      <c r="D21" s="19">
        <v>598</v>
      </c>
      <c r="E21" s="19">
        <v>519</v>
      </c>
      <c r="F21" s="19"/>
      <c r="G21" s="18" t="s">
        <v>40</v>
      </c>
      <c r="H21" s="17"/>
      <c r="I21" s="13">
        <v>1197</v>
      </c>
      <c r="J21" s="19">
        <v>600</v>
      </c>
      <c r="K21" s="19">
        <v>597</v>
      </c>
    </row>
    <row r="22" spans="1:11" ht="15" customHeight="1">
      <c r="A22" s="17" t="s">
        <v>41</v>
      </c>
      <c r="B22" s="17"/>
      <c r="C22" s="13">
        <v>1164</v>
      </c>
      <c r="D22" s="19">
        <v>576</v>
      </c>
      <c r="E22" s="19">
        <v>588</v>
      </c>
      <c r="F22" s="19"/>
      <c r="G22" s="18" t="s">
        <v>42</v>
      </c>
      <c r="H22" s="17"/>
      <c r="I22" s="13">
        <v>1212</v>
      </c>
      <c r="J22" s="19">
        <v>596</v>
      </c>
      <c r="K22" s="19">
        <v>616</v>
      </c>
    </row>
    <row r="23" spans="1:11" ht="20.100000000000001" customHeight="1">
      <c r="A23" s="17" t="s">
        <v>43</v>
      </c>
      <c r="B23" s="17"/>
      <c r="C23" s="13">
        <v>6168</v>
      </c>
      <c r="D23" s="14">
        <v>3109</v>
      </c>
      <c r="E23" s="14">
        <v>3059</v>
      </c>
      <c r="F23" s="14"/>
      <c r="G23" s="18" t="s">
        <v>44</v>
      </c>
      <c r="H23" s="17"/>
      <c r="I23" s="13">
        <v>6753</v>
      </c>
      <c r="J23" s="14">
        <v>3246</v>
      </c>
      <c r="K23" s="14">
        <v>3507</v>
      </c>
    </row>
    <row r="24" spans="1:11" ht="15" customHeight="1">
      <c r="A24" s="17" t="s">
        <v>45</v>
      </c>
      <c r="B24" s="17"/>
      <c r="C24" s="13">
        <v>1170</v>
      </c>
      <c r="D24" s="19">
        <v>616</v>
      </c>
      <c r="E24" s="19">
        <v>554</v>
      </c>
      <c r="F24" s="19"/>
      <c r="G24" s="18" t="s">
        <v>46</v>
      </c>
      <c r="H24" s="17"/>
      <c r="I24" s="13">
        <v>1259</v>
      </c>
      <c r="J24" s="19">
        <v>618</v>
      </c>
      <c r="K24" s="19">
        <v>641</v>
      </c>
    </row>
    <row r="25" spans="1:11" ht="15" customHeight="1">
      <c r="A25" s="17" t="s">
        <v>47</v>
      </c>
      <c r="B25" s="17"/>
      <c r="C25" s="13">
        <v>1198</v>
      </c>
      <c r="D25" s="19">
        <v>614</v>
      </c>
      <c r="E25" s="19">
        <v>584</v>
      </c>
      <c r="F25" s="19"/>
      <c r="G25" s="18" t="s">
        <v>48</v>
      </c>
      <c r="H25" s="17"/>
      <c r="I25" s="13">
        <v>1343</v>
      </c>
      <c r="J25" s="19">
        <v>645</v>
      </c>
      <c r="K25" s="19">
        <v>698</v>
      </c>
    </row>
    <row r="26" spans="1:11" ht="15" customHeight="1">
      <c r="A26" s="17" t="s">
        <v>49</v>
      </c>
      <c r="B26" s="17"/>
      <c r="C26" s="13">
        <v>1275</v>
      </c>
      <c r="D26" s="19">
        <v>637</v>
      </c>
      <c r="E26" s="19">
        <v>638</v>
      </c>
      <c r="F26" s="19"/>
      <c r="G26" s="18" t="s">
        <v>50</v>
      </c>
      <c r="H26" s="17"/>
      <c r="I26" s="13">
        <v>1264</v>
      </c>
      <c r="J26" s="19">
        <v>621</v>
      </c>
      <c r="K26" s="19">
        <v>643</v>
      </c>
    </row>
    <row r="27" spans="1:11" ht="15" customHeight="1">
      <c r="A27" s="17" t="s">
        <v>51</v>
      </c>
      <c r="B27" s="17"/>
      <c r="C27" s="13">
        <v>1257</v>
      </c>
      <c r="D27" s="19">
        <v>620</v>
      </c>
      <c r="E27" s="19">
        <v>637</v>
      </c>
      <c r="F27" s="19"/>
      <c r="G27" s="18" t="s">
        <v>52</v>
      </c>
      <c r="H27" s="17"/>
      <c r="I27" s="13">
        <v>1440</v>
      </c>
      <c r="J27" s="19">
        <v>679</v>
      </c>
      <c r="K27" s="19">
        <v>761</v>
      </c>
    </row>
    <row r="28" spans="1:11" ht="15" customHeight="1">
      <c r="A28" s="17" t="s">
        <v>53</v>
      </c>
      <c r="B28" s="17"/>
      <c r="C28" s="13">
        <v>1268</v>
      </c>
      <c r="D28" s="19">
        <v>622</v>
      </c>
      <c r="E28" s="19">
        <v>646</v>
      </c>
      <c r="F28" s="19"/>
      <c r="G28" s="18" t="s">
        <v>54</v>
      </c>
      <c r="H28" s="17"/>
      <c r="I28" s="13">
        <v>1447</v>
      </c>
      <c r="J28" s="19">
        <v>683</v>
      </c>
      <c r="K28" s="19">
        <v>764</v>
      </c>
    </row>
    <row r="29" spans="1:11" ht="20.100000000000001" customHeight="1">
      <c r="A29" s="17" t="s">
        <v>55</v>
      </c>
      <c r="B29" s="17"/>
      <c r="C29" s="13">
        <v>6227</v>
      </c>
      <c r="D29" s="14">
        <v>3184</v>
      </c>
      <c r="E29" s="14">
        <v>3043</v>
      </c>
      <c r="F29" s="14"/>
      <c r="G29" s="18" t="s">
        <v>56</v>
      </c>
      <c r="H29" s="17"/>
      <c r="I29" s="13">
        <v>8483</v>
      </c>
      <c r="J29" s="14">
        <v>3831</v>
      </c>
      <c r="K29" s="14">
        <v>4652</v>
      </c>
    </row>
    <row r="30" spans="1:11" ht="15" customHeight="1">
      <c r="A30" s="17" t="s">
        <v>57</v>
      </c>
      <c r="B30" s="17"/>
      <c r="C30" s="13">
        <v>1266</v>
      </c>
      <c r="D30" s="19">
        <v>643</v>
      </c>
      <c r="E30" s="19">
        <v>623</v>
      </c>
      <c r="F30" s="19"/>
      <c r="G30" s="18" t="s">
        <v>58</v>
      </c>
      <c r="H30" s="17"/>
      <c r="I30" s="13">
        <v>1611</v>
      </c>
      <c r="J30" s="19">
        <v>742</v>
      </c>
      <c r="K30" s="19">
        <v>869</v>
      </c>
    </row>
    <row r="31" spans="1:11" ht="15" customHeight="1">
      <c r="A31" s="17" t="s">
        <v>59</v>
      </c>
      <c r="B31" s="17"/>
      <c r="C31" s="13">
        <v>1182</v>
      </c>
      <c r="D31" s="19">
        <v>577</v>
      </c>
      <c r="E31" s="19">
        <v>605</v>
      </c>
      <c r="F31" s="19"/>
      <c r="G31" s="18" t="s">
        <v>60</v>
      </c>
      <c r="H31" s="17"/>
      <c r="I31" s="13">
        <v>1926</v>
      </c>
      <c r="J31" s="19">
        <v>874</v>
      </c>
      <c r="K31" s="19">
        <v>1052</v>
      </c>
    </row>
    <row r="32" spans="1:11" ht="15" customHeight="1">
      <c r="A32" s="17" t="s">
        <v>61</v>
      </c>
      <c r="B32" s="17"/>
      <c r="C32" s="13">
        <v>1376</v>
      </c>
      <c r="D32" s="19">
        <v>744</v>
      </c>
      <c r="E32" s="19">
        <v>632</v>
      </c>
      <c r="F32" s="19"/>
      <c r="G32" s="18" t="s">
        <v>62</v>
      </c>
      <c r="H32" s="17"/>
      <c r="I32" s="13">
        <v>1825</v>
      </c>
      <c r="J32" s="19">
        <v>813</v>
      </c>
      <c r="K32" s="19">
        <v>1012</v>
      </c>
    </row>
    <row r="33" spans="1:11" ht="15" customHeight="1">
      <c r="A33" s="17" t="s">
        <v>63</v>
      </c>
      <c r="B33" s="17"/>
      <c r="C33" s="13">
        <v>1215</v>
      </c>
      <c r="D33" s="19">
        <v>618</v>
      </c>
      <c r="E33" s="19">
        <v>597</v>
      </c>
      <c r="F33" s="19"/>
      <c r="G33" s="18" t="s">
        <v>64</v>
      </c>
      <c r="H33" s="17"/>
      <c r="I33" s="13">
        <v>1875</v>
      </c>
      <c r="J33" s="19">
        <v>816</v>
      </c>
      <c r="K33" s="19">
        <v>1059</v>
      </c>
    </row>
    <row r="34" spans="1:11" ht="15" customHeight="1">
      <c r="A34" s="17" t="s">
        <v>65</v>
      </c>
      <c r="B34" s="17"/>
      <c r="C34" s="13">
        <v>1188</v>
      </c>
      <c r="D34" s="19">
        <v>602</v>
      </c>
      <c r="E34" s="19">
        <v>586</v>
      </c>
      <c r="F34" s="19"/>
      <c r="G34" s="18" t="s">
        <v>66</v>
      </c>
      <c r="H34" s="17"/>
      <c r="I34" s="13">
        <v>1246</v>
      </c>
      <c r="J34" s="19">
        <v>586</v>
      </c>
      <c r="K34" s="19">
        <v>660</v>
      </c>
    </row>
    <row r="35" spans="1:11" ht="20.100000000000001" customHeight="1">
      <c r="A35" s="17" t="s">
        <v>67</v>
      </c>
      <c r="B35" s="17"/>
      <c r="C35" s="13">
        <v>5503</v>
      </c>
      <c r="D35" s="14">
        <v>2783</v>
      </c>
      <c r="E35" s="14">
        <v>2720</v>
      </c>
      <c r="F35" s="14"/>
      <c r="G35" s="18" t="s">
        <v>68</v>
      </c>
      <c r="H35" s="17"/>
      <c r="I35" s="13">
        <v>7281</v>
      </c>
      <c r="J35" s="14">
        <v>3188</v>
      </c>
      <c r="K35" s="14">
        <v>4093</v>
      </c>
    </row>
    <row r="36" spans="1:11" ht="15" customHeight="1">
      <c r="A36" s="17" t="s">
        <v>69</v>
      </c>
      <c r="B36" s="17"/>
      <c r="C36" s="13">
        <v>1081</v>
      </c>
      <c r="D36" s="19">
        <v>559</v>
      </c>
      <c r="E36" s="19">
        <v>522</v>
      </c>
      <c r="F36" s="19"/>
      <c r="G36" s="18" t="s">
        <v>70</v>
      </c>
      <c r="H36" s="17"/>
      <c r="I36" s="13">
        <v>1149</v>
      </c>
      <c r="J36" s="19">
        <v>482</v>
      </c>
      <c r="K36" s="19">
        <v>667</v>
      </c>
    </row>
    <row r="37" spans="1:11" ht="15" customHeight="1">
      <c r="A37" s="17" t="s">
        <v>71</v>
      </c>
      <c r="B37" s="17"/>
      <c r="C37" s="13">
        <v>1178</v>
      </c>
      <c r="D37" s="19">
        <v>598</v>
      </c>
      <c r="E37" s="19">
        <v>580</v>
      </c>
      <c r="F37" s="19"/>
      <c r="G37" s="18" t="s">
        <v>72</v>
      </c>
      <c r="H37" s="17"/>
      <c r="I37" s="13">
        <v>1494</v>
      </c>
      <c r="J37" s="19">
        <v>663</v>
      </c>
      <c r="K37" s="19">
        <v>831</v>
      </c>
    </row>
    <row r="38" spans="1:11" ht="15" customHeight="1">
      <c r="A38" s="17" t="s">
        <v>73</v>
      </c>
      <c r="B38" s="17"/>
      <c r="C38" s="13">
        <v>1047</v>
      </c>
      <c r="D38" s="19">
        <v>522</v>
      </c>
      <c r="E38" s="19">
        <v>525</v>
      </c>
      <c r="F38" s="19"/>
      <c r="G38" s="18" t="s">
        <v>74</v>
      </c>
      <c r="H38" s="17"/>
      <c r="I38" s="13">
        <v>1625</v>
      </c>
      <c r="J38" s="19">
        <v>693</v>
      </c>
      <c r="K38" s="19">
        <v>932</v>
      </c>
    </row>
    <row r="39" spans="1:11" ht="15" customHeight="1">
      <c r="A39" s="17" t="s">
        <v>75</v>
      </c>
      <c r="B39" s="17"/>
      <c r="C39" s="13">
        <v>1151</v>
      </c>
      <c r="D39" s="19">
        <v>578</v>
      </c>
      <c r="E39" s="19">
        <v>573</v>
      </c>
      <c r="F39" s="19"/>
      <c r="G39" s="18" t="s">
        <v>76</v>
      </c>
      <c r="H39" s="17"/>
      <c r="I39" s="13">
        <v>1506</v>
      </c>
      <c r="J39" s="19">
        <v>667</v>
      </c>
      <c r="K39" s="19">
        <v>839</v>
      </c>
    </row>
    <row r="40" spans="1:11" ht="15" customHeight="1">
      <c r="A40" s="17" t="s">
        <v>77</v>
      </c>
      <c r="B40" s="17"/>
      <c r="C40" s="13">
        <v>1046</v>
      </c>
      <c r="D40" s="19">
        <v>526</v>
      </c>
      <c r="E40" s="19">
        <v>520</v>
      </c>
      <c r="F40" s="19"/>
      <c r="G40" s="18" t="s">
        <v>78</v>
      </c>
      <c r="H40" s="17"/>
      <c r="I40" s="13">
        <v>1507</v>
      </c>
      <c r="J40" s="19">
        <v>683</v>
      </c>
      <c r="K40" s="19">
        <v>824</v>
      </c>
    </row>
    <row r="41" spans="1:11" ht="20.100000000000001" customHeight="1">
      <c r="A41" s="17" t="s">
        <v>79</v>
      </c>
      <c r="B41" s="17"/>
      <c r="C41" s="13">
        <v>5605</v>
      </c>
      <c r="D41" s="14">
        <v>2888</v>
      </c>
      <c r="E41" s="14">
        <v>2717</v>
      </c>
      <c r="F41" s="14"/>
      <c r="G41" s="18" t="s">
        <v>80</v>
      </c>
      <c r="H41" s="17"/>
      <c r="I41" s="13">
        <v>6054</v>
      </c>
      <c r="J41" s="14">
        <v>2588</v>
      </c>
      <c r="K41" s="14">
        <v>3466</v>
      </c>
    </row>
    <row r="42" spans="1:11" ht="15" customHeight="1">
      <c r="A42" s="17" t="s">
        <v>81</v>
      </c>
      <c r="B42" s="17"/>
      <c r="C42" s="13">
        <v>1082</v>
      </c>
      <c r="D42" s="19">
        <v>569</v>
      </c>
      <c r="E42" s="19">
        <v>513</v>
      </c>
      <c r="F42" s="19"/>
      <c r="G42" s="18" t="s">
        <v>82</v>
      </c>
      <c r="H42" s="17"/>
      <c r="I42" s="13">
        <v>1437</v>
      </c>
      <c r="J42" s="19">
        <v>629</v>
      </c>
      <c r="K42" s="19">
        <v>808</v>
      </c>
    </row>
    <row r="43" spans="1:11" ht="15" customHeight="1">
      <c r="A43" s="17" t="s">
        <v>83</v>
      </c>
      <c r="B43" s="17"/>
      <c r="C43" s="13">
        <v>1054</v>
      </c>
      <c r="D43" s="19">
        <v>534</v>
      </c>
      <c r="E43" s="19">
        <v>520</v>
      </c>
      <c r="F43" s="19"/>
      <c r="G43" s="18" t="s">
        <v>84</v>
      </c>
      <c r="H43" s="17"/>
      <c r="I43" s="13">
        <v>1278</v>
      </c>
      <c r="J43" s="19">
        <v>538</v>
      </c>
      <c r="K43" s="19">
        <v>740</v>
      </c>
    </row>
    <row r="44" spans="1:11" ht="15" customHeight="1">
      <c r="A44" s="17" t="s">
        <v>85</v>
      </c>
      <c r="B44" s="17"/>
      <c r="C44" s="13">
        <v>1157</v>
      </c>
      <c r="D44" s="19">
        <v>590</v>
      </c>
      <c r="E44" s="19">
        <v>567</v>
      </c>
      <c r="F44" s="19"/>
      <c r="G44" s="18" t="s">
        <v>86</v>
      </c>
      <c r="H44" s="17"/>
      <c r="I44" s="13">
        <v>1117</v>
      </c>
      <c r="J44" s="19">
        <v>500</v>
      </c>
      <c r="K44" s="19">
        <v>617</v>
      </c>
    </row>
    <row r="45" spans="1:11" ht="15" customHeight="1">
      <c r="A45" s="17" t="s">
        <v>87</v>
      </c>
      <c r="B45" s="17"/>
      <c r="C45" s="13">
        <v>1148</v>
      </c>
      <c r="D45" s="19">
        <v>617</v>
      </c>
      <c r="E45" s="19">
        <v>531</v>
      </c>
      <c r="F45" s="19"/>
      <c r="G45" s="18" t="s">
        <v>88</v>
      </c>
      <c r="H45" s="17"/>
      <c r="I45" s="13">
        <v>1163</v>
      </c>
      <c r="J45" s="19">
        <v>460</v>
      </c>
      <c r="K45" s="19">
        <v>703</v>
      </c>
    </row>
    <row r="46" spans="1:11" ht="15" customHeight="1">
      <c r="A46" s="17" t="s">
        <v>89</v>
      </c>
      <c r="B46" s="17"/>
      <c r="C46" s="13">
        <v>1164</v>
      </c>
      <c r="D46" s="19">
        <v>578</v>
      </c>
      <c r="E46" s="19">
        <v>586</v>
      </c>
      <c r="F46" s="19"/>
      <c r="G46" s="18" t="s">
        <v>90</v>
      </c>
      <c r="H46" s="17"/>
      <c r="I46" s="13">
        <v>1059</v>
      </c>
      <c r="J46" s="19">
        <v>461</v>
      </c>
      <c r="K46" s="19">
        <v>598</v>
      </c>
    </row>
    <row r="47" spans="1:11" ht="20.100000000000001" customHeight="1">
      <c r="A47" s="17" t="s">
        <v>91</v>
      </c>
      <c r="B47" s="17"/>
      <c r="C47" s="13">
        <v>6441</v>
      </c>
      <c r="D47" s="14">
        <v>3264</v>
      </c>
      <c r="E47" s="14">
        <v>3177</v>
      </c>
      <c r="F47" s="14"/>
      <c r="G47" s="18" t="s">
        <v>92</v>
      </c>
      <c r="H47" s="17"/>
      <c r="I47" s="13">
        <v>3837</v>
      </c>
      <c r="J47" s="14">
        <v>1452</v>
      </c>
      <c r="K47" s="14">
        <v>2385</v>
      </c>
    </row>
    <row r="48" spans="1:11" ht="15" customHeight="1">
      <c r="A48" s="17" t="s">
        <v>93</v>
      </c>
      <c r="B48" s="17"/>
      <c r="C48" s="13">
        <v>1223</v>
      </c>
      <c r="D48" s="19">
        <v>630</v>
      </c>
      <c r="E48" s="19">
        <v>593</v>
      </c>
      <c r="F48" s="19"/>
      <c r="G48" s="18" t="s">
        <v>94</v>
      </c>
      <c r="H48" s="17"/>
      <c r="I48" s="13">
        <v>986</v>
      </c>
      <c r="J48" s="19">
        <v>397</v>
      </c>
      <c r="K48" s="19">
        <v>589</v>
      </c>
    </row>
    <row r="49" spans="1:11" ht="15" customHeight="1">
      <c r="A49" s="17" t="s">
        <v>95</v>
      </c>
      <c r="B49" s="17"/>
      <c r="C49" s="13">
        <v>1239</v>
      </c>
      <c r="D49" s="19">
        <v>584</v>
      </c>
      <c r="E49" s="19">
        <v>655</v>
      </c>
      <c r="F49" s="19"/>
      <c r="G49" s="18" t="s">
        <v>96</v>
      </c>
      <c r="H49" s="17"/>
      <c r="I49" s="13">
        <v>825</v>
      </c>
      <c r="J49" s="19">
        <v>358</v>
      </c>
      <c r="K49" s="19">
        <v>467</v>
      </c>
    </row>
    <row r="50" spans="1:11" ht="15" customHeight="1">
      <c r="A50" s="17" t="s">
        <v>97</v>
      </c>
      <c r="B50" s="17"/>
      <c r="C50" s="13">
        <v>1347</v>
      </c>
      <c r="D50" s="19">
        <v>675</v>
      </c>
      <c r="E50" s="19">
        <v>672</v>
      </c>
      <c r="F50" s="19"/>
      <c r="G50" s="18" t="s">
        <v>98</v>
      </c>
      <c r="H50" s="17"/>
      <c r="I50" s="13">
        <v>737</v>
      </c>
      <c r="J50" s="19">
        <v>259</v>
      </c>
      <c r="K50" s="19">
        <v>478</v>
      </c>
    </row>
    <row r="51" spans="1:11" ht="15" customHeight="1">
      <c r="A51" s="17" t="s">
        <v>99</v>
      </c>
      <c r="B51" s="17"/>
      <c r="C51" s="13">
        <v>1327</v>
      </c>
      <c r="D51" s="19">
        <v>670</v>
      </c>
      <c r="E51" s="19">
        <v>657</v>
      </c>
      <c r="F51" s="19"/>
      <c r="G51" s="18" t="s">
        <v>100</v>
      </c>
      <c r="H51" s="17"/>
      <c r="I51" s="13">
        <v>698</v>
      </c>
      <c r="J51" s="19">
        <v>233</v>
      </c>
      <c r="K51" s="19">
        <v>465</v>
      </c>
    </row>
    <row r="52" spans="1:11" ht="15" customHeight="1">
      <c r="A52" s="17" t="s">
        <v>101</v>
      </c>
      <c r="B52" s="17"/>
      <c r="C52" s="13">
        <v>1305</v>
      </c>
      <c r="D52" s="19">
        <v>705</v>
      </c>
      <c r="E52" s="19">
        <v>600</v>
      </c>
      <c r="F52" s="19"/>
      <c r="G52" s="18" t="s">
        <v>102</v>
      </c>
      <c r="H52" s="17"/>
      <c r="I52" s="13">
        <v>591</v>
      </c>
      <c r="J52" s="19">
        <v>205</v>
      </c>
      <c r="K52" s="19">
        <v>386</v>
      </c>
    </row>
    <row r="53" spans="1:11" ht="20.100000000000001" customHeight="1">
      <c r="A53" s="17" t="s">
        <v>103</v>
      </c>
      <c r="B53" s="17"/>
      <c r="C53" s="13">
        <v>7630</v>
      </c>
      <c r="D53" s="14">
        <v>3831</v>
      </c>
      <c r="E53" s="14">
        <v>3799</v>
      </c>
      <c r="F53" s="14"/>
      <c r="G53" s="18" t="s">
        <v>104</v>
      </c>
      <c r="H53" s="17"/>
      <c r="I53" s="13">
        <v>1718</v>
      </c>
      <c r="J53" s="14">
        <v>529</v>
      </c>
      <c r="K53" s="14">
        <v>1189</v>
      </c>
    </row>
    <row r="54" spans="1:11" ht="15" customHeight="1">
      <c r="A54" s="17" t="s">
        <v>105</v>
      </c>
      <c r="B54" s="17"/>
      <c r="C54" s="13">
        <v>1277</v>
      </c>
      <c r="D54" s="19">
        <v>637</v>
      </c>
      <c r="E54" s="19">
        <v>640</v>
      </c>
      <c r="F54" s="19"/>
      <c r="G54" s="18" t="s">
        <v>106</v>
      </c>
      <c r="H54" s="17"/>
      <c r="I54" s="13">
        <v>538</v>
      </c>
      <c r="J54" s="19">
        <v>168</v>
      </c>
      <c r="K54" s="19">
        <v>370</v>
      </c>
    </row>
    <row r="55" spans="1:11" ht="15" customHeight="1">
      <c r="A55" s="17" t="s">
        <v>107</v>
      </c>
      <c r="B55" s="17"/>
      <c r="C55" s="13">
        <v>1511</v>
      </c>
      <c r="D55" s="19">
        <v>765</v>
      </c>
      <c r="E55" s="19">
        <v>746</v>
      </c>
      <c r="F55" s="19"/>
      <c r="G55" s="18" t="s">
        <v>108</v>
      </c>
      <c r="H55" s="17"/>
      <c r="I55" s="13">
        <v>385</v>
      </c>
      <c r="J55" s="19">
        <v>123</v>
      </c>
      <c r="K55" s="19">
        <v>262</v>
      </c>
    </row>
    <row r="56" spans="1:11" ht="15" customHeight="1">
      <c r="A56" s="17" t="s">
        <v>109</v>
      </c>
      <c r="B56" s="17"/>
      <c r="C56" s="13">
        <v>1532</v>
      </c>
      <c r="D56" s="19">
        <v>752</v>
      </c>
      <c r="E56" s="19">
        <v>780</v>
      </c>
      <c r="F56" s="19"/>
      <c r="G56" s="18" t="s">
        <v>110</v>
      </c>
      <c r="H56" s="17"/>
      <c r="I56" s="13">
        <v>326</v>
      </c>
      <c r="J56" s="19">
        <v>90</v>
      </c>
      <c r="K56" s="19">
        <v>236</v>
      </c>
    </row>
    <row r="57" spans="1:11" ht="15" customHeight="1">
      <c r="A57" s="17" t="s">
        <v>111</v>
      </c>
      <c r="B57" s="17"/>
      <c r="C57" s="13">
        <v>1619</v>
      </c>
      <c r="D57" s="19">
        <v>809</v>
      </c>
      <c r="E57" s="19">
        <v>810</v>
      </c>
      <c r="F57" s="19"/>
      <c r="G57" s="18" t="s">
        <v>112</v>
      </c>
      <c r="H57" s="17"/>
      <c r="I57" s="13">
        <v>268</v>
      </c>
      <c r="J57" s="19">
        <v>84</v>
      </c>
      <c r="K57" s="19">
        <v>184</v>
      </c>
    </row>
    <row r="58" spans="1:11" ht="15" customHeight="1">
      <c r="A58" s="17" t="s">
        <v>113</v>
      </c>
      <c r="B58" s="17"/>
      <c r="C58" s="13">
        <v>1691</v>
      </c>
      <c r="D58" s="19">
        <v>868</v>
      </c>
      <c r="E58" s="19">
        <v>823</v>
      </c>
      <c r="F58" s="19"/>
      <c r="G58" s="18" t="s">
        <v>114</v>
      </c>
      <c r="H58" s="17"/>
      <c r="I58" s="13">
        <v>201</v>
      </c>
      <c r="J58" s="19">
        <v>64</v>
      </c>
      <c r="K58" s="19">
        <v>137</v>
      </c>
    </row>
    <row r="59" spans="1:11" ht="20.100000000000001" customHeight="1">
      <c r="A59" s="17" t="s">
        <v>115</v>
      </c>
      <c r="B59" s="17"/>
      <c r="C59" s="13">
        <v>10235</v>
      </c>
      <c r="D59" s="14">
        <v>5156</v>
      </c>
      <c r="E59" s="14">
        <v>5079</v>
      </c>
      <c r="F59" s="14"/>
      <c r="G59" s="18" t="s">
        <v>116</v>
      </c>
      <c r="H59" s="17"/>
      <c r="I59" s="13">
        <v>429</v>
      </c>
      <c r="J59" s="14">
        <v>94</v>
      </c>
      <c r="K59" s="14">
        <v>335</v>
      </c>
    </row>
    <row r="60" spans="1:11" ht="15" customHeight="1">
      <c r="A60" s="17" t="s">
        <v>117</v>
      </c>
      <c r="B60" s="17"/>
      <c r="C60" s="13">
        <v>1805</v>
      </c>
      <c r="D60" s="19">
        <v>936</v>
      </c>
      <c r="E60" s="19">
        <v>869</v>
      </c>
      <c r="F60" s="19"/>
      <c r="G60" s="18" t="s">
        <v>118</v>
      </c>
      <c r="H60" s="17"/>
      <c r="I60" s="13">
        <v>147</v>
      </c>
      <c r="J60" s="19">
        <v>32</v>
      </c>
      <c r="K60" s="19">
        <v>115</v>
      </c>
    </row>
    <row r="61" spans="1:11" ht="15" customHeight="1">
      <c r="A61" s="17" t="s">
        <v>119</v>
      </c>
      <c r="B61" s="17"/>
      <c r="C61" s="13">
        <v>2015</v>
      </c>
      <c r="D61" s="19">
        <v>992</v>
      </c>
      <c r="E61" s="19">
        <v>1023</v>
      </c>
      <c r="F61" s="19"/>
      <c r="G61" s="18" t="s">
        <v>120</v>
      </c>
      <c r="H61" s="17"/>
      <c r="I61" s="13">
        <v>114</v>
      </c>
      <c r="J61" s="19">
        <v>30</v>
      </c>
      <c r="K61" s="19">
        <v>84</v>
      </c>
    </row>
    <row r="62" spans="1:11" ht="15" customHeight="1">
      <c r="A62" s="17" t="s">
        <v>121</v>
      </c>
      <c r="B62" s="17"/>
      <c r="C62" s="13">
        <v>2104</v>
      </c>
      <c r="D62" s="19">
        <v>1045</v>
      </c>
      <c r="E62" s="19">
        <v>1059</v>
      </c>
      <c r="F62" s="19"/>
      <c r="G62" s="18" t="s">
        <v>122</v>
      </c>
      <c r="H62" s="17"/>
      <c r="I62" s="13">
        <v>81</v>
      </c>
      <c r="J62" s="19">
        <v>22</v>
      </c>
      <c r="K62" s="19">
        <v>59</v>
      </c>
    </row>
    <row r="63" spans="1:11" ht="15" customHeight="1">
      <c r="A63" s="17" t="s">
        <v>123</v>
      </c>
      <c r="B63" s="17"/>
      <c r="C63" s="13">
        <v>2179</v>
      </c>
      <c r="D63" s="19">
        <v>1123</v>
      </c>
      <c r="E63" s="19">
        <v>1056</v>
      </c>
      <c r="F63" s="19"/>
      <c r="G63" s="18" t="s">
        <v>124</v>
      </c>
      <c r="H63" s="17"/>
      <c r="I63" s="13">
        <v>44</v>
      </c>
      <c r="J63" s="19">
        <v>4</v>
      </c>
      <c r="K63" s="19">
        <v>40</v>
      </c>
    </row>
    <row r="64" spans="1:11" ht="15" customHeight="1">
      <c r="A64" s="17" t="s">
        <v>125</v>
      </c>
      <c r="B64" s="17"/>
      <c r="C64" s="13">
        <v>2132</v>
      </c>
      <c r="D64" s="19">
        <v>1060</v>
      </c>
      <c r="E64" s="19">
        <v>1072</v>
      </c>
      <c r="F64" s="19"/>
      <c r="G64" s="18" t="s">
        <v>126</v>
      </c>
      <c r="H64" s="17"/>
      <c r="I64" s="13">
        <v>43</v>
      </c>
      <c r="J64" s="19">
        <v>6</v>
      </c>
      <c r="K64" s="19">
        <v>3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9</v>
      </c>
      <c r="J65" s="19">
        <v>10</v>
      </c>
      <c r="K65" s="19">
        <v>4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087</v>
      </c>
      <c r="J66" s="29">
        <v>809</v>
      </c>
      <c r="K66" s="29">
        <v>1278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20051</v>
      </c>
      <c r="D4" s="14">
        <v>58460</v>
      </c>
      <c r="E4" s="14">
        <v>6159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790</v>
      </c>
      <c r="D5" s="14">
        <v>1945</v>
      </c>
      <c r="E5" s="14">
        <v>1845</v>
      </c>
      <c r="F5" s="14"/>
      <c r="G5" s="18" t="s">
        <v>8</v>
      </c>
      <c r="H5" s="17"/>
      <c r="I5" s="13">
        <v>9358</v>
      </c>
      <c r="J5" s="14">
        <v>4772</v>
      </c>
      <c r="K5" s="14">
        <v>4586</v>
      </c>
    </row>
    <row r="6" spans="1:11" ht="15" customHeight="1">
      <c r="A6" s="17" t="s">
        <v>9</v>
      </c>
      <c r="B6" s="17"/>
      <c r="C6" s="13">
        <v>711</v>
      </c>
      <c r="D6" s="19">
        <v>360</v>
      </c>
      <c r="E6" s="19">
        <v>351</v>
      </c>
      <c r="F6" s="19"/>
      <c r="G6" s="18" t="s">
        <v>10</v>
      </c>
      <c r="H6" s="17"/>
      <c r="I6" s="13">
        <v>2093</v>
      </c>
      <c r="J6" s="19">
        <v>1038</v>
      </c>
      <c r="K6" s="19">
        <v>1055</v>
      </c>
    </row>
    <row r="7" spans="1:11" ht="15" customHeight="1">
      <c r="A7" s="17" t="s">
        <v>11</v>
      </c>
      <c r="B7" s="17"/>
      <c r="C7" s="13">
        <v>695</v>
      </c>
      <c r="D7" s="19">
        <v>351</v>
      </c>
      <c r="E7" s="19">
        <v>344</v>
      </c>
      <c r="F7" s="19"/>
      <c r="G7" s="18" t="s">
        <v>12</v>
      </c>
      <c r="H7" s="17"/>
      <c r="I7" s="13">
        <v>1952</v>
      </c>
      <c r="J7" s="19">
        <v>1021</v>
      </c>
      <c r="K7" s="19">
        <v>931</v>
      </c>
    </row>
    <row r="8" spans="1:11" ht="15" customHeight="1">
      <c r="A8" s="17" t="s">
        <v>13</v>
      </c>
      <c r="B8" s="17"/>
      <c r="C8" s="13">
        <v>788</v>
      </c>
      <c r="D8" s="19">
        <v>404</v>
      </c>
      <c r="E8" s="19">
        <v>384</v>
      </c>
      <c r="F8" s="19"/>
      <c r="G8" s="18" t="s">
        <v>14</v>
      </c>
      <c r="H8" s="17"/>
      <c r="I8" s="13">
        <v>1986</v>
      </c>
      <c r="J8" s="19">
        <v>989</v>
      </c>
      <c r="K8" s="19">
        <v>997</v>
      </c>
    </row>
    <row r="9" spans="1:11" ht="15" customHeight="1">
      <c r="A9" s="17" t="s">
        <v>15</v>
      </c>
      <c r="B9" s="17"/>
      <c r="C9" s="13">
        <v>761</v>
      </c>
      <c r="D9" s="19">
        <v>388</v>
      </c>
      <c r="E9" s="19">
        <v>373</v>
      </c>
      <c r="F9" s="19"/>
      <c r="G9" s="18" t="s">
        <v>16</v>
      </c>
      <c r="H9" s="17"/>
      <c r="I9" s="13">
        <v>1936</v>
      </c>
      <c r="J9" s="19">
        <v>1019</v>
      </c>
      <c r="K9" s="19">
        <v>917</v>
      </c>
    </row>
    <row r="10" spans="1:11" ht="15" customHeight="1">
      <c r="A10" s="17" t="s">
        <v>17</v>
      </c>
      <c r="B10" s="17"/>
      <c r="C10" s="13">
        <v>835</v>
      </c>
      <c r="D10" s="19">
        <v>442</v>
      </c>
      <c r="E10" s="19">
        <v>393</v>
      </c>
      <c r="F10" s="19"/>
      <c r="G10" s="18" t="s">
        <v>18</v>
      </c>
      <c r="H10" s="17"/>
      <c r="I10" s="13">
        <v>1391</v>
      </c>
      <c r="J10" s="19">
        <v>705</v>
      </c>
      <c r="K10" s="19">
        <v>686</v>
      </c>
    </row>
    <row r="11" spans="1:11" ht="20.100000000000001" customHeight="1">
      <c r="A11" s="17" t="s">
        <v>19</v>
      </c>
      <c r="B11" s="17"/>
      <c r="C11" s="13">
        <v>4402</v>
      </c>
      <c r="D11" s="14">
        <v>2279</v>
      </c>
      <c r="E11" s="14">
        <v>2123</v>
      </c>
      <c r="F11" s="14"/>
      <c r="G11" s="18" t="s">
        <v>20</v>
      </c>
      <c r="H11" s="17"/>
      <c r="I11" s="13">
        <v>7135</v>
      </c>
      <c r="J11" s="14">
        <v>3647</v>
      </c>
      <c r="K11" s="14">
        <v>3488</v>
      </c>
    </row>
    <row r="12" spans="1:11" ht="15" customHeight="1">
      <c r="A12" s="17" t="s">
        <v>21</v>
      </c>
      <c r="B12" s="17"/>
      <c r="C12" s="13">
        <v>794</v>
      </c>
      <c r="D12" s="19">
        <v>414</v>
      </c>
      <c r="E12" s="19">
        <v>380</v>
      </c>
      <c r="F12" s="19"/>
      <c r="G12" s="18" t="s">
        <v>22</v>
      </c>
      <c r="H12" s="17"/>
      <c r="I12" s="13">
        <v>1643</v>
      </c>
      <c r="J12" s="19">
        <v>878</v>
      </c>
      <c r="K12" s="19">
        <v>765</v>
      </c>
    </row>
    <row r="13" spans="1:11" ht="15" customHeight="1">
      <c r="A13" s="17" t="s">
        <v>23</v>
      </c>
      <c r="B13" s="17"/>
      <c r="C13" s="13">
        <v>823</v>
      </c>
      <c r="D13" s="19">
        <v>432</v>
      </c>
      <c r="E13" s="19">
        <v>391</v>
      </c>
      <c r="F13" s="19"/>
      <c r="G13" s="18" t="s">
        <v>24</v>
      </c>
      <c r="H13" s="17"/>
      <c r="I13" s="13">
        <v>1565</v>
      </c>
      <c r="J13" s="19">
        <v>797</v>
      </c>
      <c r="K13" s="19">
        <v>768</v>
      </c>
    </row>
    <row r="14" spans="1:11" ht="15" customHeight="1">
      <c r="A14" s="17" t="s">
        <v>25</v>
      </c>
      <c r="B14" s="17"/>
      <c r="C14" s="13">
        <v>896</v>
      </c>
      <c r="D14" s="19">
        <v>456</v>
      </c>
      <c r="E14" s="19">
        <v>440</v>
      </c>
      <c r="F14" s="19"/>
      <c r="G14" s="18" t="s">
        <v>26</v>
      </c>
      <c r="H14" s="17"/>
      <c r="I14" s="13">
        <v>1343</v>
      </c>
      <c r="J14" s="19">
        <v>712</v>
      </c>
      <c r="K14" s="19">
        <v>631</v>
      </c>
    </row>
    <row r="15" spans="1:11" ht="15" customHeight="1">
      <c r="A15" s="17" t="s">
        <v>27</v>
      </c>
      <c r="B15" s="17"/>
      <c r="C15" s="13">
        <v>929</v>
      </c>
      <c r="D15" s="19">
        <v>490</v>
      </c>
      <c r="E15" s="19">
        <v>439</v>
      </c>
      <c r="F15" s="19"/>
      <c r="G15" s="18" t="s">
        <v>28</v>
      </c>
      <c r="H15" s="17"/>
      <c r="I15" s="13">
        <v>1284</v>
      </c>
      <c r="J15" s="19">
        <v>598</v>
      </c>
      <c r="K15" s="19">
        <v>686</v>
      </c>
    </row>
    <row r="16" spans="1:11" ht="15" customHeight="1">
      <c r="A16" s="17" t="s">
        <v>29</v>
      </c>
      <c r="B16" s="17"/>
      <c r="C16" s="13">
        <v>960</v>
      </c>
      <c r="D16" s="19">
        <v>487</v>
      </c>
      <c r="E16" s="19">
        <v>473</v>
      </c>
      <c r="F16" s="19"/>
      <c r="G16" s="18" t="s">
        <v>30</v>
      </c>
      <c r="H16" s="17"/>
      <c r="I16" s="13">
        <v>1300</v>
      </c>
      <c r="J16" s="19">
        <v>662</v>
      </c>
      <c r="K16" s="19">
        <v>638</v>
      </c>
    </row>
    <row r="17" spans="1:11" ht="20.100000000000001" customHeight="1">
      <c r="A17" s="20" t="s">
        <v>31</v>
      </c>
      <c r="B17" s="20"/>
      <c r="C17" s="13">
        <v>5157</v>
      </c>
      <c r="D17" s="14">
        <v>2656</v>
      </c>
      <c r="E17" s="14">
        <v>2501</v>
      </c>
      <c r="F17" s="14"/>
      <c r="G17" s="18" t="s">
        <v>32</v>
      </c>
      <c r="H17" s="17"/>
      <c r="I17" s="13">
        <v>6125</v>
      </c>
      <c r="J17" s="14">
        <v>2967</v>
      </c>
      <c r="K17" s="14">
        <v>3158</v>
      </c>
    </row>
    <row r="18" spans="1:11" ht="15" customHeight="1">
      <c r="A18" s="17" t="s">
        <v>33</v>
      </c>
      <c r="B18" s="17"/>
      <c r="C18" s="13">
        <v>995</v>
      </c>
      <c r="D18" s="19">
        <v>508</v>
      </c>
      <c r="E18" s="19">
        <v>487</v>
      </c>
      <c r="F18" s="19"/>
      <c r="G18" s="18" t="s">
        <v>34</v>
      </c>
      <c r="H18" s="17"/>
      <c r="I18" s="13">
        <v>1305</v>
      </c>
      <c r="J18" s="19">
        <v>619</v>
      </c>
      <c r="K18" s="19">
        <v>686</v>
      </c>
    </row>
    <row r="19" spans="1:11" ht="15" customHeight="1">
      <c r="A19" s="17" t="s">
        <v>35</v>
      </c>
      <c r="B19" s="17"/>
      <c r="C19" s="13">
        <v>994</v>
      </c>
      <c r="D19" s="19">
        <v>503</v>
      </c>
      <c r="E19" s="19">
        <v>491</v>
      </c>
      <c r="F19" s="19"/>
      <c r="G19" s="18" t="s">
        <v>36</v>
      </c>
      <c r="H19" s="17"/>
      <c r="I19" s="13">
        <v>1273</v>
      </c>
      <c r="J19" s="19">
        <v>615</v>
      </c>
      <c r="K19" s="19">
        <v>658</v>
      </c>
    </row>
    <row r="20" spans="1:11" ht="15" customHeight="1">
      <c r="A20" s="17" t="s">
        <v>37</v>
      </c>
      <c r="B20" s="17"/>
      <c r="C20" s="13">
        <v>1040</v>
      </c>
      <c r="D20" s="19">
        <v>537</v>
      </c>
      <c r="E20" s="19">
        <v>503</v>
      </c>
      <c r="F20" s="19"/>
      <c r="G20" s="18" t="s">
        <v>38</v>
      </c>
      <c r="H20" s="17"/>
      <c r="I20" s="13">
        <v>1195</v>
      </c>
      <c r="J20" s="19">
        <v>582</v>
      </c>
      <c r="K20" s="19">
        <v>613</v>
      </c>
    </row>
    <row r="21" spans="1:11" ht="15" customHeight="1">
      <c r="A21" s="17" t="s">
        <v>39</v>
      </c>
      <c r="B21" s="17"/>
      <c r="C21" s="13">
        <v>999</v>
      </c>
      <c r="D21" s="19">
        <v>525</v>
      </c>
      <c r="E21" s="19">
        <v>474</v>
      </c>
      <c r="F21" s="19"/>
      <c r="G21" s="18" t="s">
        <v>40</v>
      </c>
      <c r="H21" s="17"/>
      <c r="I21" s="13">
        <v>1124</v>
      </c>
      <c r="J21" s="19">
        <v>565</v>
      </c>
      <c r="K21" s="19">
        <v>559</v>
      </c>
    </row>
    <row r="22" spans="1:11" ht="15" customHeight="1">
      <c r="A22" s="17" t="s">
        <v>41</v>
      </c>
      <c r="B22" s="17"/>
      <c r="C22" s="13">
        <v>1129</v>
      </c>
      <c r="D22" s="19">
        <v>583</v>
      </c>
      <c r="E22" s="19">
        <v>546</v>
      </c>
      <c r="F22" s="19"/>
      <c r="G22" s="18" t="s">
        <v>42</v>
      </c>
      <c r="H22" s="17"/>
      <c r="I22" s="13">
        <v>1228</v>
      </c>
      <c r="J22" s="19">
        <v>586</v>
      </c>
      <c r="K22" s="19">
        <v>642</v>
      </c>
    </row>
    <row r="23" spans="1:11" ht="20.100000000000001" customHeight="1">
      <c r="A23" s="17" t="s">
        <v>43</v>
      </c>
      <c r="B23" s="17"/>
      <c r="C23" s="13">
        <v>5785</v>
      </c>
      <c r="D23" s="14">
        <v>2966</v>
      </c>
      <c r="E23" s="14">
        <v>2819</v>
      </c>
      <c r="F23" s="14"/>
      <c r="G23" s="18" t="s">
        <v>44</v>
      </c>
      <c r="H23" s="17"/>
      <c r="I23" s="13">
        <v>6892</v>
      </c>
      <c r="J23" s="14">
        <v>3198</v>
      </c>
      <c r="K23" s="14">
        <v>3694</v>
      </c>
    </row>
    <row r="24" spans="1:11" ht="15" customHeight="1">
      <c r="A24" s="17" t="s">
        <v>45</v>
      </c>
      <c r="B24" s="17"/>
      <c r="C24" s="13">
        <v>1058</v>
      </c>
      <c r="D24" s="19">
        <v>539</v>
      </c>
      <c r="E24" s="19">
        <v>519</v>
      </c>
      <c r="F24" s="19"/>
      <c r="G24" s="18" t="s">
        <v>46</v>
      </c>
      <c r="H24" s="17"/>
      <c r="I24" s="13">
        <v>1257</v>
      </c>
      <c r="J24" s="19">
        <v>599</v>
      </c>
      <c r="K24" s="19">
        <v>658</v>
      </c>
    </row>
    <row r="25" spans="1:11" ht="15" customHeight="1">
      <c r="A25" s="17" t="s">
        <v>47</v>
      </c>
      <c r="B25" s="17"/>
      <c r="C25" s="13">
        <v>1113</v>
      </c>
      <c r="D25" s="19">
        <v>588</v>
      </c>
      <c r="E25" s="19">
        <v>525</v>
      </c>
      <c r="F25" s="19"/>
      <c r="G25" s="18" t="s">
        <v>48</v>
      </c>
      <c r="H25" s="17"/>
      <c r="I25" s="13">
        <v>1233</v>
      </c>
      <c r="J25" s="19">
        <v>592</v>
      </c>
      <c r="K25" s="19">
        <v>641</v>
      </c>
    </row>
    <row r="26" spans="1:11" ht="15" customHeight="1">
      <c r="A26" s="17" t="s">
        <v>49</v>
      </c>
      <c r="B26" s="17"/>
      <c r="C26" s="13">
        <v>1165</v>
      </c>
      <c r="D26" s="19">
        <v>612</v>
      </c>
      <c r="E26" s="19">
        <v>553</v>
      </c>
      <c r="F26" s="19"/>
      <c r="G26" s="18" t="s">
        <v>50</v>
      </c>
      <c r="H26" s="17"/>
      <c r="I26" s="13">
        <v>1307</v>
      </c>
      <c r="J26" s="19">
        <v>606</v>
      </c>
      <c r="K26" s="19">
        <v>701</v>
      </c>
    </row>
    <row r="27" spans="1:11" ht="15" customHeight="1">
      <c r="A27" s="17" t="s">
        <v>51</v>
      </c>
      <c r="B27" s="17"/>
      <c r="C27" s="13">
        <v>1238</v>
      </c>
      <c r="D27" s="19">
        <v>635</v>
      </c>
      <c r="E27" s="19">
        <v>603</v>
      </c>
      <c r="F27" s="19"/>
      <c r="G27" s="18" t="s">
        <v>52</v>
      </c>
      <c r="H27" s="17"/>
      <c r="I27" s="13">
        <v>1507</v>
      </c>
      <c r="J27" s="19">
        <v>683</v>
      </c>
      <c r="K27" s="19">
        <v>824</v>
      </c>
    </row>
    <row r="28" spans="1:11" ht="15" customHeight="1">
      <c r="A28" s="17" t="s">
        <v>53</v>
      </c>
      <c r="B28" s="17"/>
      <c r="C28" s="13">
        <v>1211</v>
      </c>
      <c r="D28" s="19">
        <v>592</v>
      </c>
      <c r="E28" s="19">
        <v>619</v>
      </c>
      <c r="F28" s="19"/>
      <c r="G28" s="18" t="s">
        <v>54</v>
      </c>
      <c r="H28" s="17"/>
      <c r="I28" s="13">
        <v>1588</v>
      </c>
      <c r="J28" s="19">
        <v>718</v>
      </c>
      <c r="K28" s="19">
        <v>870</v>
      </c>
    </row>
    <row r="29" spans="1:11" ht="20.100000000000001" customHeight="1">
      <c r="A29" s="17" t="s">
        <v>55</v>
      </c>
      <c r="B29" s="17"/>
      <c r="C29" s="13">
        <v>5372</v>
      </c>
      <c r="D29" s="14">
        <v>2648</v>
      </c>
      <c r="E29" s="14">
        <v>2724</v>
      </c>
      <c r="F29" s="14"/>
      <c r="G29" s="18" t="s">
        <v>56</v>
      </c>
      <c r="H29" s="17"/>
      <c r="I29" s="13">
        <v>9449</v>
      </c>
      <c r="J29" s="14">
        <v>4154</v>
      </c>
      <c r="K29" s="14">
        <v>5295</v>
      </c>
    </row>
    <row r="30" spans="1:11" ht="15" customHeight="1">
      <c r="A30" s="17" t="s">
        <v>57</v>
      </c>
      <c r="B30" s="17"/>
      <c r="C30" s="13">
        <v>1121</v>
      </c>
      <c r="D30" s="19">
        <v>546</v>
      </c>
      <c r="E30" s="19">
        <v>575</v>
      </c>
      <c r="F30" s="19"/>
      <c r="G30" s="18" t="s">
        <v>58</v>
      </c>
      <c r="H30" s="17"/>
      <c r="I30" s="13">
        <v>1751</v>
      </c>
      <c r="J30" s="19">
        <v>784</v>
      </c>
      <c r="K30" s="19">
        <v>967</v>
      </c>
    </row>
    <row r="31" spans="1:11" ht="15" customHeight="1">
      <c r="A31" s="17" t="s">
        <v>59</v>
      </c>
      <c r="B31" s="17"/>
      <c r="C31" s="13">
        <v>1170</v>
      </c>
      <c r="D31" s="19">
        <v>605</v>
      </c>
      <c r="E31" s="19">
        <v>565</v>
      </c>
      <c r="F31" s="19"/>
      <c r="G31" s="18" t="s">
        <v>60</v>
      </c>
      <c r="H31" s="17"/>
      <c r="I31" s="13">
        <v>1957</v>
      </c>
      <c r="J31" s="19">
        <v>855</v>
      </c>
      <c r="K31" s="19">
        <v>1102</v>
      </c>
    </row>
    <row r="32" spans="1:11" ht="15" customHeight="1">
      <c r="A32" s="17" t="s">
        <v>61</v>
      </c>
      <c r="B32" s="17"/>
      <c r="C32" s="13">
        <v>1104</v>
      </c>
      <c r="D32" s="19">
        <v>554</v>
      </c>
      <c r="E32" s="19">
        <v>550</v>
      </c>
      <c r="F32" s="19"/>
      <c r="G32" s="18" t="s">
        <v>62</v>
      </c>
      <c r="H32" s="17"/>
      <c r="I32" s="13">
        <v>2011</v>
      </c>
      <c r="J32" s="19">
        <v>861</v>
      </c>
      <c r="K32" s="19">
        <v>1150</v>
      </c>
    </row>
    <row r="33" spans="1:11" ht="15" customHeight="1">
      <c r="A33" s="17" t="s">
        <v>63</v>
      </c>
      <c r="B33" s="17"/>
      <c r="C33" s="13">
        <v>1031</v>
      </c>
      <c r="D33" s="19">
        <v>468</v>
      </c>
      <c r="E33" s="19">
        <v>563</v>
      </c>
      <c r="F33" s="19"/>
      <c r="G33" s="18" t="s">
        <v>64</v>
      </c>
      <c r="H33" s="17"/>
      <c r="I33" s="13">
        <v>2166</v>
      </c>
      <c r="J33" s="19">
        <v>978</v>
      </c>
      <c r="K33" s="19">
        <v>1188</v>
      </c>
    </row>
    <row r="34" spans="1:11" ht="15" customHeight="1">
      <c r="A34" s="17" t="s">
        <v>65</v>
      </c>
      <c r="B34" s="17"/>
      <c r="C34" s="13">
        <v>946</v>
      </c>
      <c r="D34" s="19">
        <v>475</v>
      </c>
      <c r="E34" s="19">
        <v>471</v>
      </c>
      <c r="F34" s="19"/>
      <c r="G34" s="18" t="s">
        <v>66</v>
      </c>
      <c r="H34" s="17"/>
      <c r="I34" s="13">
        <v>1564</v>
      </c>
      <c r="J34" s="19">
        <v>676</v>
      </c>
      <c r="K34" s="19">
        <v>888</v>
      </c>
    </row>
    <row r="35" spans="1:11" ht="20.100000000000001" customHeight="1">
      <c r="A35" s="17" t="s">
        <v>67</v>
      </c>
      <c r="B35" s="17"/>
      <c r="C35" s="13">
        <v>4671</v>
      </c>
      <c r="D35" s="14">
        <v>2302</v>
      </c>
      <c r="E35" s="14">
        <v>2369</v>
      </c>
      <c r="F35" s="14"/>
      <c r="G35" s="18" t="s">
        <v>68</v>
      </c>
      <c r="H35" s="17"/>
      <c r="I35" s="13">
        <v>8737</v>
      </c>
      <c r="J35" s="14">
        <v>3896</v>
      </c>
      <c r="K35" s="14">
        <v>4841</v>
      </c>
    </row>
    <row r="36" spans="1:11" ht="15" customHeight="1">
      <c r="A36" s="17" t="s">
        <v>69</v>
      </c>
      <c r="B36" s="17"/>
      <c r="C36" s="13">
        <v>934</v>
      </c>
      <c r="D36" s="19">
        <v>453</v>
      </c>
      <c r="E36" s="19">
        <v>481</v>
      </c>
      <c r="F36" s="19"/>
      <c r="G36" s="18" t="s">
        <v>70</v>
      </c>
      <c r="H36" s="17"/>
      <c r="I36" s="13">
        <v>1445</v>
      </c>
      <c r="J36" s="19">
        <v>626</v>
      </c>
      <c r="K36" s="19">
        <v>819</v>
      </c>
    </row>
    <row r="37" spans="1:11" ht="15" customHeight="1">
      <c r="A37" s="17" t="s">
        <v>71</v>
      </c>
      <c r="B37" s="17"/>
      <c r="C37" s="13">
        <v>909</v>
      </c>
      <c r="D37" s="19">
        <v>420</v>
      </c>
      <c r="E37" s="19">
        <v>489</v>
      </c>
      <c r="F37" s="19"/>
      <c r="G37" s="18" t="s">
        <v>72</v>
      </c>
      <c r="H37" s="17"/>
      <c r="I37" s="13">
        <v>1790</v>
      </c>
      <c r="J37" s="19">
        <v>764</v>
      </c>
      <c r="K37" s="19">
        <v>1026</v>
      </c>
    </row>
    <row r="38" spans="1:11" ht="15" customHeight="1">
      <c r="A38" s="17" t="s">
        <v>73</v>
      </c>
      <c r="B38" s="17"/>
      <c r="C38" s="13">
        <v>928</v>
      </c>
      <c r="D38" s="19">
        <v>442</v>
      </c>
      <c r="E38" s="19">
        <v>486</v>
      </c>
      <c r="F38" s="19"/>
      <c r="G38" s="18" t="s">
        <v>74</v>
      </c>
      <c r="H38" s="17"/>
      <c r="I38" s="13">
        <v>1927</v>
      </c>
      <c r="J38" s="19">
        <v>858</v>
      </c>
      <c r="K38" s="19">
        <v>1069</v>
      </c>
    </row>
    <row r="39" spans="1:11" ht="15" customHeight="1">
      <c r="A39" s="17" t="s">
        <v>75</v>
      </c>
      <c r="B39" s="17"/>
      <c r="C39" s="13">
        <v>915</v>
      </c>
      <c r="D39" s="19">
        <v>460</v>
      </c>
      <c r="E39" s="19">
        <v>455</v>
      </c>
      <c r="F39" s="19"/>
      <c r="G39" s="18" t="s">
        <v>76</v>
      </c>
      <c r="H39" s="17"/>
      <c r="I39" s="13">
        <v>1782</v>
      </c>
      <c r="J39" s="19">
        <v>830</v>
      </c>
      <c r="K39" s="19">
        <v>952</v>
      </c>
    </row>
    <row r="40" spans="1:11" ht="15" customHeight="1">
      <c r="A40" s="17" t="s">
        <v>77</v>
      </c>
      <c r="B40" s="17"/>
      <c r="C40" s="13">
        <v>985</v>
      </c>
      <c r="D40" s="19">
        <v>527</v>
      </c>
      <c r="E40" s="19">
        <v>458</v>
      </c>
      <c r="F40" s="19"/>
      <c r="G40" s="18" t="s">
        <v>78</v>
      </c>
      <c r="H40" s="17"/>
      <c r="I40" s="13">
        <v>1793</v>
      </c>
      <c r="J40" s="19">
        <v>818</v>
      </c>
      <c r="K40" s="19">
        <v>975</v>
      </c>
    </row>
    <row r="41" spans="1:11" ht="20.100000000000001" customHeight="1">
      <c r="A41" s="17" t="s">
        <v>79</v>
      </c>
      <c r="B41" s="17"/>
      <c r="C41" s="13">
        <v>5117</v>
      </c>
      <c r="D41" s="14">
        <v>2598</v>
      </c>
      <c r="E41" s="14">
        <v>2519</v>
      </c>
      <c r="F41" s="14"/>
      <c r="G41" s="18" t="s">
        <v>80</v>
      </c>
      <c r="H41" s="17"/>
      <c r="I41" s="13">
        <v>6592</v>
      </c>
      <c r="J41" s="14">
        <v>3067</v>
      </c>
      <c r="K41" s="14">
        <v>3525</v>
      </c>
    </row>
    <row r="42" spans="1:11" ht="15" customHeight="1">
      <c r="A42" s="17" t="s">
        <v>81</v>
      </c>
      <c r="B42" s="17"/>
      <c r="C42" s="13">
        <v>993</v>
      </c>
      <c r="D42" s="19">
        <v>503</v>
      </c>
      <c r="E42" s="19">
        <v>490</v>
      </c>
      <c r="F42" s="19"/>
      <c r="G42" s="18" t="s">
        <v>82</v>
      </c>
      <c r="H42" s="17"/>
      <c r="I42" s="13">
        <v>1587</v>
      </c>
      <c r="J42" s="19">
        <v>711</v>
      </c>
      <c r="K42" s="19">
        <v>876</v>
      </c>
    </row>
    <row r="43" spans="1:11" ht="15" customHeight="1">
      <c r="A43" s="17" t="s">
        <v>83</v>
      </c>
      <c r="B43" s="17"/>
      <c r="C43" s="13">
        <v>995</v>
      </c>
      <c r="D43" s="19">
        <v>495</v>
      </c>
      <c r="E43" s="19">
        <v>500</v>
      </c>
      <c r="F43" s="19"/>
      <c r="G43" s="18" t="s">
        <v>84</v>
      </c>
      <c r="H43" s="17"/>
      <c r="I43" s="13">
        <v>1386</v>
      </c>
      <c r="J43" s="19">
        <v>627</v>
      </c>
      <c r="K43" s="19">
        <v>759</v>
      </c>
    </row>
    <row r="44" spans="1:11" ht="15" customHeight="1">
      <c r="A44" s="17" t="s">
        <v>85</v>
      </c>
      <c r="B44" s="17"/>
      <c r="C44" s="13">
        <v>1059</v>
      </c>
      <c r="D44" s="19">
        <v>537</v>
      </c>
      <c r="E44" s="19">
        <v>522</v>
      </c>
      <c r="F44" s="19"/>
      <c r="G44" s="18" t="s">
        <v>86</v>
      </c>
      <c r="H44" s="17"/>
      <c r="I44" s="13">
        <v>1205</v>
      </c>
      <c r="J44" s="19">
        <v>580</v>
      </c>
      <c r="K44" s="19">
        <v>625</v>
      </c>
    </row>
    <row r="45" spans="1:11" ht="15" customHeight="1">
      <c r="A45" s="17" t="s">
        <v>87</v>
      </c>
      <c r="B45" s="17"/>
      <c r="C45" s="13">
        <v>1062</v>
      </c>
      <c r="D45" s="19">
        <v>539</v>
      </c>
      <c r="E45" s="19">
        <v>523</v>
      </c>
      <c r="F45" s="19"/>
      <c r="G45" s="18" t="s">
        <v>88</v>
      </c>
      <c r="H45" s="17"/>
      <c r="I45" s="13">
        <v>1274</v>
      </c>
      <c r="J45" s="19">
        <v>643</v>
      </c>
      <c r="K45" s="19">
        <v>631</v>
      </c>
    </row>
    <row r="46" spans="1:11" ht="15" customHeight="1">
      <c r="A46" s="17" t="s">
        <v>89</v>
      </c>
      <c r="B46" s="17"/>
      <c r="C46" s="13">
        <v>1008</v>
      </c>
      <c r="D46" s="19">
        <v>524</v>
      </c>
      <c r="E46" s="19">
        <v>484</v>
      </c>
      <c r="F46" s="19"/>
      <c r="G46" s="18" t="s">
        <v>90</v>
      </c>
      <c r="H46" s="17"/>
      <c r="I46" s="13">
        <v>1140</v>
      </c>
      <c r="J46" s="19">
        <v>506</v>
      </c>
      <c r="K46" s="19">
        <v>634</v>
      </c>
    </row>
    <row r="47" spans="1:11" ht="20.100000000000001" customHeight="1">
      <c r="A47" s="17" t="s">
        <v>91</v>
      </c>
      <c r="B47" s="17"/>
      <c r="C47" s="13">
        <v>6093</v>
      </c>
      <c r="D47" s="14">
        <v>3069</v>
      </c>
      <c r="E47" s="14">
        <v>3024</v>
      </c>
      <c r="F47" s="14"/>
      <c r="G47" s="18" t="s">
        <v>92</v>
      </c>
      <c r="H47" s="17"/>
      <c r="I47" s="13">
        <v>3774</v>
      </c>
      <c r="J47" s="14">
        <v>1663</v>
      </c>
      <c r="K47" s="14">
        <v>2111</v>
      </c>
    </row>
    <row r="48" spans="1:11" ht="15" customHeight="1">
      <c r="A48" s="17" t="s">
        <v>93</v>
      </c>
      <c r="B48" s="17"/>
      <c r="C48" s="13">
        <v>1100</v>
      </c>
      <c r="D48" s="19">
        <v>554</v>
      </c>
      <c r="E48" s="19">
        <v>546</v>
      </c>
      <c r="F48" s="19"/>
      <c r="G48" s="18" t="s">
        <v>94</v>
      </c>
      <c r="H48" s="17"/>
      <c r="I48" s="13">
        <v>1020</v>
      </c>
      <c r="J48" s="19">
        <v>482</v>
      </c>
      <c r="K48" s="19">
        <v>538</v>
      </c>
    </row>
    <row r="49" spans="1:11" ht="15" customHeight="1">
      <c r="A49" s="17" t="s">
        <v>95</v>
      </c>
      <c r="B49" s="17"/>
      <c r="C49" s="13">
        <v>1178</v>
      </c>
      <c r="D49" s="19">
        <v>613</v>
      </c>
      <c r="E49" s="19">
        <v>565</v>
      </c>
      <c r="F49" s="19"/>
      <c r="G49" s="18" t="s">
        <v>96</v>
      </c>
      <c r="H49" s="17"/>
      <c r="I49" s="13">
        <v>847</v>
      </c>
      <c r="J49" s="19">
        <v>386</v>
      </c>
      <c r="K49" s="19">
        <v>461</v>
      </c>
    </row>
    <row r="50" spans="1:11" ht="15" customHeight="1">
      <c r="A50" s="17" t="s">
        <v>97</v>
      </c>
      <c r="B50" s="17"/>
      <c r="C50" s="13">
        <v>1246</v>
      </c>
      <c r="D50" s="19">
        <v>624</v>
      </c>
      <c r="E50" s="19">
        <v>622</v>
      </c>
      <c r="F50" s="19"/>
      <c r="G50" s="18" t="s">
        <v>98</v>
      </c>
      <c r="H50" s="17"/>
      <c r="I50" s="13">
        <v>669</v>
      </c>
      <c r="J50" s="19">
        <v>292</v>
      </c>
      <c r="K50" s="19">
        <v>377</v>
      </c>
    </row>
    <row r="51" spans="1:11" ht="15" customHeight="1">
      <c r="A51" s="17" t="s">
        <v>99</v>
      </c>
      <c r="B51" s="17"/>
      <c r="C51" s="13">
        <v>1252</v>
      </c>
      <c r="D51" s="19">
        <v>632</v>
      </c>
      <c r="E51" s="19">
        <v>620</v>
      </c>
      <c r="F51" s="19"/>
      <c r="G51" s="18" t="s">
        <v>100</v>
      </c>
      <c r="H51" s="17"/>
      <c r="I51" s="13">
        <v>676</v>
      </c>
      <c r="J51" s="19">
        <v>287</v>
      </c>
      <c r="K51" s="19">
        <v>389</v>
      </c>
    </row>
    <row r="52" spans="1:11" ht="15" customHeight="1">
      <c r="A52" s="17" t="s">
        <v>101</v>
      </c>
      <c r="B52" s="17"/>
      <c r="C52" s="13">
        <v>1317</v>
      </c>
      <c r="D52" s="19">
        <v>646</v>
      </c>
      <c r="E52" s="19">
        <v>671</v>
      </c>
      <c r="F52" s="19"/>
      <c r="G52" s="18" t="s">
        <v>102</v>
      </c>
      <c r="H52" s="17"/>
      <c r="I52" s="13">
        <v>562</v>
      </c>
      <c r="J52" s="19">
        <v>216</v>
      </c>
      <c r="K52" s="19">
        <v>346</v>
      </c>
    </row>
    <row r="53" spans="1:11" ht="20.100000000000001" customHeight="1">
      <c r="A53" s="17" t="s">
        <v>103</v>
      </c>
      <c r="B53" s="17"/>
      <c r="C53" s="13">
        <v>7445</v>
      </c>
      <c r="D53" s="14">
        <v>3732</v>
      </c>
      <c r="E53" s="14">
        <v>3713</v>
      </c>
      <c r="F53" s="14"/>
      <c r="G53" s="18" t="s">
        <v>104</v>
      </c>
      <c r="H53" s="17"/>
      <c r="I53" s="13">
        <v>1520</v>
      </c>
      <c r="J53" s="14">
        <v>463</v>
      </c>
      <c r="K53" s="14">
        <v>1057</v>
      </c>
    </row>
    <row r="54" spans="1:11" ht="15" customHeight="1">
      <c r="A54" s="17" t="s">
        <v>105</v>
      </c>
      <c r="B54" s="17"/>
      <c r="C54" s="13">
        <v>1309</v>
      </c>
      <c r="D54" s="19">
        <v>686</v>
      </c>
      <c r="E54" s="19">
        <v>623</v>
      </c>
      <c r="F54" s="19"/>
      <c r="G54" s="18" t="s">
        <v>106</v>
      </c>
      <c r="H54" s="17"/>
      <c r="I54" s="13">
        <v>426</v>
      </c>
      <c r="J54" s="19">
        <v>138</v>
      </c>
      <c r="K54" s="19">
        <v>288</v>
      </c>
    </row>
    <row r="55" spans="1:11" ht="15" customHeight="1">
      <c r="A55" s="17" t="s">
        <v>107</v>
      </c>
      <c r="B55" s="17"/>
      <c r="C55" s="13">
        <v>1431</v>
      </c>
      <c r="D55" s="19">
        <v>738</v>
      </c>
      <c r="E55" s="19">
        <v>693</v>
      </c>
      <c r="F55" s="19"/>
      <c r="G55" s="18" t="s">
        <v>108</v>
      </c>
      <c r="H55" s="17"/>
      <c r="I55" s="13">
        <v>371</v>
      </c>
      <c r="J55" s="19">
        <v>119</v>
      </c>
      <c r="K55" s="19">
        <v>252</v>
      </c>
    </row>
    <row r="56" spans="1:11" ht="15" customHeight="1">
      <c r="A56" s="17" t="s">
        <v>109</v>
      </c>
      <c r="B56" s="17"/>
      <c r="C56" s="13">
        <v>1483</v>
      </c>
      <c r="D56" s="19">
        <v>709</v>
      </c>
      <c r="E56" s="19">
        <v>774</v>
      </c>
      <c r="F56" s="19"/>
      <c r="G56" s="18" t="s">
        <v>110</v>
      </c>
      <c r="H56" s="17"/>
      <c r="I56" s="13">
        <v>308</v>
      </c>
      <c r="J56" s="19">
        <v>93</v>
      </c>
      <c r="K56" s="19">
        <v>215</v>
      </c>
    </row>
    <row r="57" spans="1:11" ht="15" customHeight="1">
      <c r="A57" s="17" t="s">
        <v>111</v>
      </c>
      <c r="B57" s="17"/>
      <c r="C57" s="13">
        <v>1585</v>
      </c>
      <c r="D57" s="19">
        <v>804</v>
      </c>
      <c r="E57" s="19">
        <v>781</v>
      </c>
      <c r="F57" s="19"/>
      <c r="G57" s="18" t="s">
        <v>112</v>
      </c>
      <c r="H57" s="17"/>
      <c r="I57" s="13">
        <v>211</v>
      </c>
      <c r="J57" s="19">
        <v>64</v>
      </c>
      <c r="K57" s="19">
        <v>147</v>
      </c>
    </row>
    <row r="58" spans="1:11" ht="15" customHeight="1">
      <c r="A58" s="17" t="s">
        <v>113</v>
      </c>
      <c r="B58" s="17"/>
      <c r="C58" s="13">
        <v>1637</v>
      </c>
      <c r="D58" s="19">
        <v>795</v>
      </c>
      <c r="E58" s="19">
        <v>842</v>
      </c>
      <c r="F58" s="19"/>
      <c r="G58" s="18" t="s">
        <v>114</v>
      </c>
      <c r="H58" s="17"/>
      <c r="I58" s="13">
        <v>204</v>
      </c>
      <c r="J58" s="19">
        <v>49</v>
      </c>
      <c r="K58" s="19">
        <v>155</v>
      </c>
    </row>
    <row r="59" spans="1:11" ht="20.100000000000001" customHeight="1">
      <c r="A59" s="17" t="s">
        <v>115</v>
      </c>
      <c r="B59" s="17"/>
      <c r="C59" s="13">
        <v>10161</v>
      </c>
      <c r="D59" s="14">
        <v>5088</v>
      </c>
      <c r="E59" s="14">
        <v>5073</v>
      </c>
      <c r="F59" s="14"/>
      <c r="G59" s="18" t="s">
        <v>116</v>
      </c>
      <c r="H59" s="17"/>
      <c r="I59" s="13">
        <v>436</v>
      </c>
      <c r="J59" s="14">
        <v>93</v>
      </c>
      <c r="K59" s="14">
        <v>343</v>
      </c>
    </row>
    <row r="60" spans="1:11" ht="15" customHeight="1">
      <c r="A60" s="17" t="s">
        <v>117</v>
      </c>
      <c r="B60" s="17"/>
      <c r="C60" s="13">
        <v>1795</v>
      </c>
      <c r="D60" s="19">
        <v>907</v>
      </c>
      <c r="E60" s="19">
        <v>888</v>
      </c>
      <c r="F60" s="19"/>
      <c r="G60" s="18" t="s">
        <v>118</v>
      </c>
      <c r="H60" s="17"/>
      <c r="I60" s="13">
        <v>165</v>
      </c>
      <c r="J60" s="19">
        <v>45</v>
      </c>
      <c r="K60" s="19">
        <v>120</v>
      </c>
    </row>
    <row r="61" spans="1:11" ht="15" customHeight="1">
      <c r="A61" s="17" t="s">
        <v>119</v>
      </c>
      <c r="B61" s="17"/>
      <c r="C61" s="13">
        <v>1978</v>
      </c>
      <c r="D61" s="19">
        <v>1005</v>
      </c>
      <c r="E61" s="19">
        <v>973</v>
      </c>
      <c r="F61" s="19"/>
      <c r="G61" s="18" t="s">
        <v>120</v>
      </c>
      <c r="H61" s="17"/>
      <c r="I61" s="13">
        <v>101</v>
      </c>
      <c r="J61" s="19">
        <v>13</v>
      </c>
      <c r="K61" s="19">
        <v>88</v>
      </c>
    </row>
    <row r="62" spans="1:11" ht="15" customHeight="1">
      <c r="A62" s="17" t="s">
        <v>121</v>
      </c>
      <c r="B62" s="17"/>
      <c r="C62" s="13">
        <v>2175</v>
      </c>
      <c r="D62" s="19">
        <v>1080</v>
      </c>
      <c r="E62" s="19">
        <v>1095</v>
      </c>
      <c r="F62" s="19"/>
      <c r="G62" s="18" t="s">
        <v>122</v>
      </c>
      <c r="H62" s="17"/>
      <c r="I62" s="13">
        <v>84</v>
      </c>
      <c r="J62" s="19">
        <v>20</v>
      </c>
      <c r="K62" s="19">
        <v>64</v>
      </c>
    </row>
    <row r="63" spans="1:11" ht="15" customHeight="1">
      <c r="A63" s="17" t="s">
        <v>123</v>
      </c>
      <c r="B63" s="17"/>
      <c r="C63" s="13">
        <v>2058</v>
      </c>
      <c r="D63" s="19">
        <v>1017</v>
      </c>
      <c r="E63" s="19">
        <v>1041</v>
      </c>
      <c r="F63" s="19"/>
      <c r="G63" s="18" t="s">
        <v>124</v>
      </c>
      <c r="H63" s="17"/>
      <c r="I63" s="13">
        <v>45</v>
      </c>
      <c r="J63" s="19">
        <v>6</v>
      </c>
      <c r="K63" s="19">
        <v>39</v>
      </c>
    </row>
    <row r="64" spans="1:11" ht="15" customHeight="1">
      <c r="A64" s="17" t="s">
        <v>125</v>
      </c>
      <c r="B64" s="17"/>
      <c r="C64" s="13">
        <v>2155</v>
      </c>
      <c r="D64" s="19">
        <v>1079</v>
      </c>
      <c r="E64" s="19">
        <v>1076</v>
      </c>
      <c r="F64" s="19"/>
      <c r="G64" s="18" t="s">
        <v>126</v>
      </c>
      <c r="H64" s="17"/>
      <c r="I64" s="13">
        <v>41</v>
      </c>
      <c r="J64" s="19">
        <v>9</v>
      </c>
      <c r="K64" s="19">
        <v>3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3</v>
      </c>
      <c r="J65" s="19">
        <v>14</v>
      </c>
      <c r="K65" s="19">
        <v>4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977</v>
      </c>
      <c r="J66" s="29">
        <v>1243</v>
      </c>
      <c r="K66" s="29">
        <v>73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2339</v>
      </c>
      <c r="D4" s="14">
        <v>73901</v>
      </c>
      <c r="E4" s="14">
        <v>7843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170</v>
      </c>
      <c r="D5" s="14">
        <v>2646</v>
      </c>
      <c r="E5" s="14">
        <v>2524</v>
      </c>
      <c r="F5" s="14"/>
      <c r="G5" s="18" t="s">
        <v>8</v>
      </c>
      <c r="H5" s="17"/>
      <c r="I5" s="13">
        <v>12199</v>
      </c>
      <c r="J5" s="14">
        <v>6167</v>
      </c>
      <c r="K5" s="14">
        <v>6032</v>
      </c>
    </row>
    <row r="6" spans="1:11" ht="15" customHeight="1">
      <c r="A6" s="17" t="s">
        <v>9</v>
      </c>
      <c r="B6" s="17"/>
      <c r="C6" s="13">
        <v>959</v>
      </c>
      <c r="D6" s="19">
        <v>504</v>
      </c>
      <c r="E6" s="19">
        <v>455</v>
      </c>
      <c r="F6" s="19"/>
      <c r="G6" s="18" t="s">
        <v>10</v>
      </c>
      <c r="H6" s="17"/>
      <c r="I6" s="13">
        <v>2609</v>
      </c>
      <c r="J6" s="19">
        <v>1294</v>
      </c>
      <c r="K6" s="19">
        <v>1315</v>
      </c>
    </row>
    <row r="7" spans="1:11" ht="15" customHeight="1">
      <c r="A7" s="17" t="s">
        <v>11</v>
      </c>
      <c r="B7" s="17"/>
      <c r="C7" s="13">
        <v>1039</v>
      </c>
      <c r="D7" s="19">
        <v>533</v>
      </c>
      <c r="E7" s="19">
        <v>506</v>
      </c>
      <c r="F7" s="19"/>
      <c r="G7" s="18" t="s">
        <v>12</v>
      </c>
      <c r="H7" s="17"/>
      <c r="I7" s="13">
        <v>2464</v>
      </c>
      <c r="J7" s="19">
        <v>1238</v>
      </c>
      <c r="K7" s="19">
        <v>1226</v>
      </c>
    </row>
    <row r="8" spans="1:11" ht="15" customHeight="1">
      <c r="A8" s="17" t="s">
        <v>13</v>
      </c>
      <c r="B8" s="17"/>
      <c r="C8" s="13">
        <v>1071</v>
      </c>
      <c r="D8" s="19">
        <v>546</v>
      </c>
      <c r="E8" s="19">
        <v>525</v>
      </c>
      <c r="F8" s="19"/>
      <c r="G8" s="18" t="s">
        <v>14</v>
      </c>
      <c r="H8" s="17"/>
      <c r="I8" s="13">
        <v>2601</v>
      </c>
      <c r="J8" s="19">
        <v>1334</v>
      </c>
      <c r="K8" s="19">
        <v>1267</v>
      </c>
    </row>
    <row r="9" spans="1:11" ht="15" customHeight="1">
      <c r="A9" s="17" t="s">
        <v>15</v>
      </c>
      <c r="B9" s="17"/>
      <c r="C9" s="13">
        <v>1054</v>
      </c>
      <c r="D9" s="19">
        <v>520</v>
      </c>
      <c r="E9" s="19">
        <v>534</v>
      </c>
      <c r="F9" s="19"/>
      <c r="G9" s="18" t="s">
        <v>16</v>
      </c>
      <c r="H9" s="17"/>
      <c r="I9" s="13">
        <v>2652</v>
      </c>
      <c r="J9" s="19">
        <v>1370</v>
      </c>
      <c r="K9" s="19">
        <v>1282</v>
      </c>
    </row>
    <row r="10" spans="1:11" ht="15" customHeight="1">
      <c r="A10" s="17" t="s">
        <v>17</v>
      </c>
      <c r="B10" s="17"/>
      <c r="C10" s="13">
        <v>1047</v>
      </c>
      <c r="D10" s="19">
        <v>543</v>
      </c>
      <c r="E10" s="19">
        <v>504</v>
      </c>
      <c r="F10" s="19"/>
      <c r="G10" s="18" t="s">
        <v>18</v>
      </c>
      <c r="H10" s="17"/>
      <c r="I10" s="13">
        <v>1873</v>
      </c>
      <c r="J10" s="19">
        <v>931</v>
      </c>
      <c r="K10" s="19">
        <v>942</v>
      </c>
    </row>
    <row r="11" spans="1:11" ht="20.100000000000001" customHeight="1">
      <c r="A11" s="17" t="s">
        <v>19</v>
      </c>
      <c r="B11" s="17"/>
      <c r="C11" s="13">
        <v>5809</v>
      </c>
      <c r="D11" s="14">
        <v>3035</v>
      </c>
      <c r="E11" s="14">
        <v>2774</v>
      </c>
      <c r="F11" s="14"/>
      <c r="G11" s="18" t="s">
        <v>20</v>
      </c>
      <c r="H11" s="17"/>
      <c r="I11" s="13">
        <v>10195</v>
      </c>
      <c r="J11" s="14">
        <v>5148</v>
      </c>
      <c r="K11" s="14">
        <v>5047</v>
      </c>
    </row>
    <row r="12" spans="1:11" ht="15" customHeight="1">
      <c r="A12" s="17" t="s">
        <v>21</v>
      </c>
      <c r="B12" s="17"/>
      <c r="C12" s="13">
        <v>1149</v>
      </c>
      <c r="D12" s="19">
        <v>592</v>
      </c>
      <c r="E12" s="19">
        <v>557</v>
      </c>
      <c r="F12" s="19"/>
      <c r="G12" s="18" t="s">
        <v>22</v>
      </c>
      <c r="H12" s="17"/>
      <c r="I12" s="13">
        <v>2358</v>
      </c>
      <c r="J12" s="19">
        <v>1221</v>
      </c>
      <c r="K12" s="19">
        <v>1137</v>
      </c>
    </row>
    <row r="13" spans="1:11" ht="15" customHeight="1">
      <c r="A13" s="17" t="s">
        <v>23</v>
      </c>
      <c r="B13" s="17"/>
      <c r="C13" s="13">
        <v>1108</v>
      </c>
      <c r="D13" s="19">
        <v>599</v>
      </c>
      <c r="E13" s="19">
        <v>509</v>
      </c>
      <c r="F13" s="19"/>
      <c r="G13" s="18" t="s">
        <v>24</v>
      </c>
      <c r="H13" s="17"/>
      <c r="I13" s="13">
        <v>2166</v>
      </c>
      <c r="J13" s="19">
        <v>1073</v>
      </c>
      <c r="K13" s="19">
        <v>1093</v>
      </c>
    </row>
    <row r="14" spans="1:11" ht="15" customHeight="1">
      <c r="A14" s="17" t="s">
        <v>25</v>
      </c>
      <c r="B14" s="17"/>
      <c r="C14" s="13">
        <v>1123</v>
      </c>
      <c r="D14" s="19">
        <v>587</v>
      </c>
      <c r="E14" s="19">
        <v>536</v>
      </c>
      <c r="F14" s="19"/>
      <c r="G14" s="18" t="s">
        <v>26</v>
      </c>
      <c r="H14" s="17"/>
      <c r="I14" s="13">
        <v>1963</v>
      </c>
      <c r="J14" s="19">
        <v>976</v>
      </c>
      <c r="K14" s="19">
        <v>987</v>
      </c>
    </row>
    <row r="15" spans="1:11" ht="15" customHeight="1">
      <c r="A15" s="17" t="s">
        <v>27</v>
      </c>
      <c r="B15" s="17"/>
      <c r="C15" s="13">
        <v>1241</v>
      </c>
      <c r="D15" s="19">
        <v>639</v>
      </c>
      <c r="E15" s="19">
        <v>602</v>
      </c>
      <c r="F15" s="19"/>
      <c r="G15" s="18" t="s">
        <v>28</v>
      </c>
      <c r="H15" s="17"/>
      <c r="I15" s="13">
        <v>1898</v>
      </c>
      <c r="J15" s="19">
        <v>957</v>
      </c>
      <c r="K15" s="19">
        <v>941</v>
      </c>
    </row>
    <row r="16" spans="1:11" ht="15" customHeight="1">
      <c r="A16" s="17" t="s">
        <v>29</v>
      </c>
      <c r="B16" s="17"/>
      <c r="C16" s="13">
        <v>1188</v>
      </c>
      <c r="D16" s="19">
        <v>618</v>
      </c>
      <c r="E16" s="19">
        <v>570</v>
      </c>
      <c r="F16" s="19"/>
      <c r="G16" s="18" t="s">
        <v>30</v>
      </c>
      <c r="H16" s="17"/>
      <c r="I16" s="13">
        <v>1810</v>
      </c>
      <c r="J16" s="19">
        <v>921</v>
      </c>
      <c r="K16" s="19">
        <v>889</v>
      </c>
    </row>
    <row r="17" spans="1:11" ht="20.100000000000001" customHeight="1">
      <c r="A17" s="20" t="s">
        <v>31</v>
      </c>
      <c r="B17" s="20"/>
      <c r="C17" s="13">
        <v>6739</v>
      </c>
      <c r="D17" s="14">
        <v>3506</v>
      </c>
      <c r="E17" s="14">
        <v>3233</v>
      </c>
      <c r="F17" s="14"/>
      <c r="G17" s="18" t="s">
        <v>32</v>
      </c>
      <c r="H17" s="17"/>
      <c r="I17" s="13">
        <v>8388</v>
      </c>
      <c r="J17" s="14">
        <v>4219</v>
      </c>
      <c r="K17" s="14">
        <v>4169</v>
      </c>
    </row>
    <row r="18" spans="1:11" ht="15" customHeight="1">
      <c r="A18" s="17" t="s">
        <v>33</v>
      </c>
      <c r="B18" s="17"/>
      <c r="C18" s="13">
        <v>1275</v>
      </c>
      <c r="D18" s="19">
        <v>644</v>
      </c>
      <c r="E18" s="19">
        <v>631</v>
      </c>
      <c r="F18" s="19"/>
      <c r="G18" s="18" t="s">
        <v>34</v>
      </c>
      <c r="H18" s="17"/>
      <c r="I18" s="13">
        <v>1812</v>
      </c>
      <c r="J18" s="19">
        <v>913</v>
      </c>
      <c r="K18" s="19">
        <v>899</v>
      </c>
    </row>
    <row r="19" spans="1:11" ht="15" customHeight="1">
      <c r="A19" s="17" t="s">
        <v>35</v>
      </c>
      <c r="B19" s="17"/>
      <c r="C19" s="13">
        <v>1312</v>
      </c>
      <c r="D19" s="19">
        <v>675</v>
      </c>
      <c r="E19" s="19">
        <v>637</v>
      </c>
      <c r="F19" s="19"/>
      <c r="G19" s="18" t="s">
        <v>36</v>
      </c>
      <c r="H19" s="17"/>
      <c r="I19" s="13">
        <v>1681</v>
      </c>
      <c r="J19" s="19">
        <v>840</v>
      </c>
      <c r="K19" s="19">
        <v>841</v>
      </c>
    </row>
    <row r="20" spans="1:11" ht="15" customHeight="1">
      <c r="A20" s="17" t="s">
        <v>37</v>
      </c>
      <c r="B20" s="17"/>
      <c r="C20" s="13">
        <v>1350</v>
      </c>
      <c r="D20" s="19">
        <v>679</v>
      </c>
      <c r="E20" s="19">
        <v>671</v>
      </c>
      <c r="F20" s="19"/>
      <c r="G20" s="18" t="s">
        <v>38</v>
      </c>
      <c r="H20" s="17"/>
      <c r="I20" s="13">
        <v>1696</v>
      </c>
      <c r="J20" s="19">
        <v>864</v>
      </c>
      <c r="K20" s="19">
        <v>832</v>
      </c>
    </row>
    <row r="21" spans="1:11" ht="15" customHeight="1">
      <c r="A21" s="17" t="s">
        <v>39</v>
      </c>
      <c r="B21" s="17"/>
      <c r="C21" s="13">
        <v>1412</v>
      </c>
      <c r="D21" s="19">
        <v>760</v>
      </c>
      <c r="E21" s="19">
        <v>652</v>
      </c>
      <c r="F21" s="19"/>
      <c r="G21" s="18" t="s">
        <v>40</v>
      </c>
      <c r="H21" s="17"/>
      <c r="I21" s="13">
        <v>1605</v>
      </c>
      <c r="J21" s="19">
        <v>797</v>
      </c>
      <c r="K21" s="19">
        <v>808</v>
      </c>
    </row>
    <row r="22" spans="1:11" ht="15" customHeight="1">
      <c r="A22" s="17" t="s">
        <v>41</v>
      </c>
      <c r="B22" s="17"/>
      <c r="C22" s="13">
        <v>1390</v>
      </c>
      <c r="D22" s="19">
        <v>748</v>
      </c>
      <c r="E22" s="19">
        <v>642</v>
      </c>
      <c r="F22" s="19"/>
      <c r="G22" s="18" t="s">
        <v>42</v>
      </c>
      <c r="H22" s="17"/>
      <c r="I22" s="13">
        <v>1594</v>
      </c>
      <c r="J22" s="19">
        <v>805</v>
      </c>
      <c r="K22" s="19">
        <v>789</v>
      </c>
    </row>
    <row r="23" spans="1:11" ht="20.100000000000001" customHeight="1">
      <c r="A23" s="17" t="s">
        <v>43</v>
      </c>
      <c r="B23" s="17"/>
      <c r="C23" s="13">
        <v>7151</v>
      </c>
      <c r="D23" s="14">
        <v>3639</v>
      </c>
      <c r="E23" s="14">
        <v>3512</v>
      </c>
      <c r="F23" s="14"/>
      <c r="G23" s="18" t="s">
        <v>44</v>
      </c>
      <c r="H23" s="17"/>
      <c r="I23" s="13">
        <v>8922</v>
      </c>
      <c r="J23" s="14">
        <v>4344</v>
      </c>
      <c r="K23" s="14">
        <v>4578</v>
      </c>
    </row>
    <row r="24" spans="1:11" ht="15" customHeight="1">
      <c r="A24" s="17" t="s">
        <v>45</v>
      </c>
      <c r="B24" s="17"/>
      <c r="C24" s="13">
        <v>1312</v>
      </c>
      <c r="D24" s="19">
        <v>674</v>
      </c>
      <c r="E24" s="19">
        <v>638</v>
      </c>
      <c r="F24" s="19"/>
      <c r="G24" s="18" t="s">
        <v>46</v>
      </c>
      <c r="H24" s="17"/>
      <c r="I24" s="13">
        <v>1657</v>
      </c>
      <c r="J24" s="19">
        <v>796</v>
      </c>
      <c r="K24" s="19">
        <v>861</v>
      </c>
    </row>
    <row r="25" spans="1:11" ht="15" customHeight="1">
      <c r="A25" s="17" t="s">
        <v>47</v>
      </c>
      <c r="B25" s="17"/>
      <c r="C25" s="13">
        <v>1417</v>
      </c>
      <c r="D25" s="19">
        <v>744</v>
      </c>
      <c r="E25" s="19">
        <v>673</v>
      </c>
      <c r="F25" s="19"/>
      <c r="G25" s="18" t="s">
        <v>48</v>
      </c>
      <c r="H25" s="17"/>
      <c r="I25" s="13">
        <v>1700</v>
      </c>
      <c r="J25" s="19">
        <v>811</v>
      </c>
      <c r="K25" s="19">
        <v>889</v>
      </c>
    </row>
    <row r="26" spans="1:11" ht="15" customHeight="1">
      <c r="A26" s="17" t="s">
        <v>49</v>
      </c>
      <c r="B26" s="17"/>
      <c r="C26" s="13">
        <v>1470</v>
      </c>
      <c r="D26" s="19">
        <v>779</v>
      </c>
      <c r="E26" s="19">
        <v>691</v>
      </c>
      <c r="F26" s="19"/>
      <c r="G26" s="18" t="s">
        <v>50</v>
      </c>
      <c r="H26" s="17"/>
      <c r="I26" s="13">
        <v>1706</v>
      </c>
      <c r="J26" s="19">
        <v>840</v>
      </c>
      <c r="K26" s="19">
        <v>866</v>
      </c>
    </row>
    <row r="27" spans="1:11" ht="15" customHeight="1">
      <c r="A27" s="17" t="s">
        <v>51</v>
      </c>
      <c r="B27" s="17"/>
      <c r="C27" s="13">
        <v>1440</v>
      </c>
      <c r="D27" s="19">
        <v>710</v>
      </c>
      <c r="E27" s="19">
        <v>730</v>
      </c>
      <c r="F27" s="19"/>
      <c r="G27" s="18" t="s">
        <v>52</v>
      </c>
      <c r="H27" s="17"/>
      <c r="I27" s="13">
        <v>1917</v>
      </c>
      <c r="J27" s="19">
        <v>943</v>
      </c>
      <c r="K27" s="19">
        <v>974</v>
      </c>
    </row>
    <row r="28" spans="1:11" ht="15" customHeight="1">
      <c r="A28" s="17" t="s">
        <v>53</v>
      </c>
      <c r="B28" s="17"/>
      <c r="C28" s="13">
        <v>1512</v>
      </c>
      <c r="D28" s="19">
        <v>732</v>
      </c>
      <c r="E28" s="19">
        <v>780</v>
      </c>
      <c r="F28" s="19"/>
      <c r="G28" s="18" t="s">
        <v>54</v>
      </c>
      <c r="H28" s="17"/>
      <c r="I28" s="13">
        <v>1942</v>
      </c>
      <c r="J28" s="19">
        <v>954</v>
      </c>
      <c r="K28" s="19">
        <v>988</v>
      </c>
    </row>
    <row r="29" spans="1:11" ht="20.100000000000001" customHeight="1">
      <c r="A29" s="17" t="s">
        <v>55</v>
      </c>
      <c r="B29" s="17"/>
      <c r="C29" s="13">
        <v>7187</v>
      </c>
      <c r="D29" s="14">
        <v>3505</v>
      </c>
      <c r="E29" s="14">
        <v>3682</v>
      </c>
      <c r="F29" s="14"/>
      <c r="G29" s="18" t="s">
        <v>56</v>
      </c>
      <c r="H29" s="17"/>
      <c r="I29" s="13">
        <v>11130</v>
      </c>
      <c r="J29" s="14">
        <v>5203</v>
      </c>
      <c r="K29" s="14">
        <v>5927</v>
      </c>
    </row>
    <row r="30" spans="1:11" ht="15" customHeight="1">
      <c r="A30" s="17" t="s">
        <v>57</v>
      </c>
      <c r="B30" s="17"/>
      <c r="C30" s="13">
        <v>1457</v>
      </c>
      <c r="D30" s="19">
        <v>679</v>
      </c>
      <c r="E30" s="19">
        <v>778</v>
      </c>
      <c r="F30" s="19"/>
      <c r="G30" s="18" t="s">
        <v>58</v>
      </c>
      <c r="H30" s="17"/>
      <c r="I30" s="13">
        <v>2118</v>
      </c>
      <c r="J30" s="19">
        <v>983</v>
      </c>
      <c r="K30" s="19">
        <v>1135</v>
      </c>
    </row>
    <row r="31" spans="1:11" ht="15" customHeight="1">
      <c r="A31" s="17" t="s">
        <v>59</v>
      </c>
      <c r="B31" s="17"/>
      <c r="C31" s="13">
        <v>1455</v>
      </c>
      <c r="D31" s="19">
        <v>748</v>
      </c>
      <c r="E31" s="19">
        <v>707</v>
      </c>
      <c r="F31" s="19"/>
      <c r="G31" s="18" t="s">
        <v>60</v>
      </c>
      <c r="H31" s="17"/>
      <c r="I31" s="13">
        <v>2491</v>
      </c>
      <c r="J31" s="19">
        <v>1176</v>
      </c>
      <c r="K31" s="19">
        <v>1315</v>
      </c>
    </row>
    <row r="32" spans="1:11" ht="15" customHeight="1">
      <c r="A32" s="17" t="s">
        <v>61</v>
      </c>
      <c r="B32" s="17"/>
      <c r="C32" s="13">
        <v>1544</v>
      </c>
      <c r="D32" s="19">
        <v>760</v>
      </c>
      <c r="E32" s="19">
        <v>784</v>
      </c>
      <c r="F32" s="19"/>
      <c r="G32" s="18" t="s">
        <v>62</v>
      </c>
      <c r="H32" s="17"/>
      <c r="I32" s="13">
        <v>2402</v>
      </c>
      <c r="J32" s="19">
        <v>1064</v>
      </c>
      <c r="K32" s="19">
        <v>1338</v>
      </c>
    </row>
    <row r="33" spans="1:11" ht="15" customHeight="1">
      <c r="A33" s="17" t="s">
        <v>63</v>
      </c>
      <c r="B33" s="17"/>
      <c r="C33" s="13">
        <v>1401</v>
      </c>
      <c r="D33" s="19">
        <v>668</v>
      </c>
      <c r="E33" s="19">
        <v>733</v>
      </c>
      <c r="F33" s="19"/>
      <c r="G33" s="18" t="s">
        <v>64</v>
      </c>
      <c r="H33" s="17"/>
      <c r="I33" s="13">
        <v>2451</v>
      </c>
      <c r="J33" s="19">
        <v>1189</v>
      </c>
      <c r="K33" s="19">
        <v>1262</v>
      </c>
    </row>
    <row r="34" spans="1:11" ht="15" customHeight="1">
      <c r="A34" s="17" t="s">
        <v>65</v>
      </c>
      <c r="B34" s="17"/>
      <c r="C34" s="13">
        <v>1330</v>
      </c>
      <c r="D34" s="19">
        <v>650</v>
      </c>
      <c r="E34" s="19">
        <v>680</v>
      </c>
      <c r="F34" s="19"/>
      <c r="G34" s="18" t="s">
        <v>66</v>
      </c>
      <c r="H34" s="17"/>
      <c r="I34" s="13">
        <v>1668</v>
      </c>
      <c r="J34" s="19">
        <v>791</v>
      </c>
      <c r="K34" s="19">
        <v>877</v>
      </c>
    </row>
    <row r="35" spans="1:11" ht="20.100000000000001" customHeight="1">
      <c r="A35" s="17" t="s">
        <v>67</v>
      </c>
      <c r="B35" s="17"/>
      <c r="C35" s="13">
        <v>6808</v>
      </c>
      <c r="D35" s="14">
        <v>3354</v>
      </c>
      <c r="E35" s="14">
        <v>3454</v>
      </c>
      <c r="F35" s="14"/>
      <c r="G35" s="18" t="s">
        <v>68</v>
      </c>
      <c r="H35" s="17"/>
      <c r="I35" s="13">
        <v>9471</v>
      </c>
      <c r="J35" s="14">
        <v>4244</v>
      </c>
      <c r="K35" s="14">
        <v>5227</v>
      </c>
    </row>
    <row r="36" spans="1:11" ht="15" customHeight="1">
      <c r="A36" s="17" t="s">
        <v>69</v>
      </c>
      <c r="B36" s="17"/>
      <c r="C36" s="13">
        <v>1387</v>
      </c>
      <c r="D36" s="19">
        <v>697</v>
      </c>
      <c r="E36" s="19">
        <v>690</v>
      </c>
      <c r="F36" s="19"/>
      <c r="G36" s="18" t="s">
        <v>70</v>
      </c>
      <c r="H36" s="17"/>
      <c r="I36" s="13">
        <v>1550</v>
      </c>
      <c r="J36" s="19">
        <v>719</v>
      </c>
      <c r="K36" s="19">
        <v>831</v>
      </c>
    </row>
    <row r="37" spans="1:11" ht="15" customHeight="1">
      <c r="A37" s="17" t="s">
        <v>71</v>
      </c>
      <c r="B37" s="17"/>
      <c r="C37" s="13">
        <v>1364</v>
      </c>
      <c r="D37" s="19">
        <v>670</v>
      </c>
      <c r="E37" s="19">
        <v>694</v>
      </c>
      <c r="F37" s="19"/>
      <c r="G37" s="18" t="s">
        <v>72</v>
      </c>
      <c r="H37" s="17"/>
      <c r="I37" s="13">
        <v>1950</v>
      </c>
      <c r="J37" s="19">
        <v>895</v>
      </c>
      <c r="K37" s="19">
        <v>1055</v>
      </c>
    </row>
    <row r="38" spans="1:11" ht="15" customHeight="1">
      <c r="A38" s="17" t="s">
        <v>73</v>
      </c>
      <c r="B38" s="17"/>
      <c r="C38" s="13">
        <v>1395</v>
      </c>
      <c r="D38" s="19">
        <v>669</v>
      </c>
      <c r="E38" s="19">
        <v>726</v>
      </c>
      <c r="F38" s="19"/>
      <c r="G38" s="18" t="s">
        <v>74</v>
      </c>
      <c r="H38" s="17"/>
      <c r="I38" s="13">
        <v>2090</v>
      </c>
      <c r="J38" s="19">
        <v>909</v>
      </c>
      <c r="K38" s="19">
        <v>1181</v>
      </c>
    </row>
    <row r="39" spans="1:11" ht="15" customHeight="1">
      <c r="A39" s="17" t="s">
        <v>75</v>
      </c>
      <c r="B39" s="17"/>
      <c r="C39" s="13">
        <v>1337</v>
      </c>
      <c r="D39" s="19">
        <v>659</v>
      </c>
      <c r="E39" s="19">
        <v>678</v>
      </c>
      <c r="F39" s="19"/>
      <c r="G39" s="18" t="s">
        <v>76</v>
      </c>
      <c r="H39" s="17"/>
      <c r="I39" s="13">
        <v>1945</v>
      </c>
      <c r="J39" s="19">
        <v>870</v>
      </c>
      <c r="K39" s="19">
        <v>1075</v>
      </c>
    </row>
    <row r="40" spans="1:11" ht="15" customHeight="1">
      <c r="A40" s="17" t="s">
        <v>77</v>
      </c>
      <c r="B40" s="17"/>
      <c r="C40" s="13">
        <v>1325</v>
      </c>
      <c r="D40" s="19">
        <v>659</v>
      </c>
      <c r="E40" s="19">
        <v>666</v>
      </c>
      <c r="F40" s="19"/>
      <c r="G40" s="18" t="s">
        <v>78</v>
      </c>
      <c r="H40" s="17"/>
      <c r="I40" s="13">
        <v>1936</v>
      </c>
      <c r="J40" s="19">
        <v>851</v>
      </c>
      <c r="K40" s="19">
        <v>1085</v>
      </c>
    </row>
    <row r="41" spans="1:11" ht="20.100000000000001" customHeight="1">
      <c r="A41" s="17" t="s">
        <v>79</v>
      </c>
      <c r="B41" s="17"/>
      <c r="C41" s="13">
        <v>6876</v>
      </c>
      <c r="D41" s="14">
        <v>3446</v>
      </c>
      <c r="E41" s="14">
        <v>3430</v>
      </c>
      <c r="F41" s="14"/>
      <c r="G41" s="18" t="s">
        <v>80</v>
      </c>
      <c r="H41" s="17"/>
      <c r="I41" s="13">
        <v>7395</v>
      </c>
      <c r="J41" s="14">
        <v>3229</v>
      </c>
      <c r="K41" s="14">
        <v>4166</v>
      </c>
    </row>
    <row r="42" spans="1:11" ht="15" customHeight="1">
      <c r="A42" s="17" t="s">
        <v>81</v>
      </c>
      <c r="B42" s="17"/>
      <c r="C42" s="13">
        <v>1362</v>
      </c>
      <c r="D42" s="19">
        <v>703</v>
      </c>
      <c r="E42" s="19">
        <v>659</v>
      </c>
      <c r="F42" s="19"/>
      <c r="G42" s="18" t="s">
        <v>82</v>
      </c>
      <c r="H42" s="17"/>
      <c r="I42" s="13">
        <v>1754</v>
      </c>
      <c r="J42" s="19">
        <v>788</v>
      </c>
      <c r="K42" s="19">
        <v>966</v>
      </c>
    </row>
    <row r="43" spans="1:11" ht="15" customHeight="1">
      <c r="A43" s="17" t="s">
        <v>83</v>
      </c>
      <c r="B43" s="17"/>
      <c r="C43" s="13">
        <v>1302</v>
      </c>
      <c r="D43" s="19">
        <v>640</v>
      </c>
      <c r="E43" s="19">
        <v>662</v>
      </c>
      <c r="F43" s="19"/>
      <c r="G43" s="18" t="s">
        <v>84</v>
      </c>
      <c r="H43" s="17"/>
      <c r="I43" s="13">
        <v>1522</v>
      </c>
      <c r="J43" s="19">
        <v>643</v>
      </c>
      <c r="K43" s="19">
        <v>879</v>
      </c>
    </row>
    <row r="44" spans="1:11" ht="15" customHeight="1">
      <c r="A44" s="17" t="s">
        <v>85</v>
      </c>
      <c r="B44" s="17"/>
      <c r="C44" s="13">
        <v>1418</v>
      </c>
      <c r="D44" s="19">
        <v>706</v>
      </c>
      <c r="E44" s="19">
        <v>712</v>
      </c>
      <c r="F44" s="19"/>
      <c r="G44" s="18" t="s">
        <v>86</v>
      </c>
      <c r="H44" s="17"/>
      <c r="I44" s="13">
        <v>1386</v>
      </c>
      <c r="J44" s="19">
        <v>621</v>
      </c>
      <c r="K44" s="19">
        <v>765</v>
      </c>
    </row>
    <row r="45" spans="1:11" ht="15" customHeight="1">
      <c r="A45" s="17" t="s">
        <v>87</v>
      </c>
      <c r="B45" s="17"/>
      <c r="C45" s="13">
        <v>1363</v>
      </c>
      <c r="D45" s="19">
        <v>700</v>
      </c>
      <c r="E45" s="19">
        <v>663</v>
      </c>
      <c r="F45" s="19"/>
      <c r="G45" s="18" t="s">
        <v>88</v>
      </c>
      <c r="H45" s="17"/>
      <c r="I45" s="13">
        <v>1481</v>
      </c>
      <c r="J45" s="19">
        <v>649</v>
      </c>
      <c r="K45" s="19">
        <v>832</v>
      </c>
    </row>
    <row r="46" spans="1:11" ht="15" customHeight="1">
      <c r="A46" s="17" t="s">
        <v>89</v>
      </c>
      <c r="B46" s="17"/>
      <c r="C46" s="13">
        <v>1431</v>
      </c>
      <c r="D46" s="19">
        <v>697</v>
      </c>
      <c r="E46" s="19">
        <v>734</v>
      </c>
      <c r="F46" s="19"/>
      <c r="G46" s="18" t="s">
        <v>90</v>
      </c>
      <c r="H46" s="17"/>
      <c r="I46" s="13">
        <v>1252</v>
      </c>
      <c r="J46" s="19">
        <v>528</v>
      </c>
      <c r="K46" s="19">
        <v>724</v>
      </c>
    </row>
    <row r="47" spans="1:11" ht="20.100000000000001" customHeight="1">
      <c r="A47" s="17" t="s">
        <v>91</v>
      </c>
      <c r="B47" s="17"/>
      <c r="C47" s="13">
        <v>7899</v>
      </c>
      <c r="D47" s="14">
        <v>4002</v>
      </c>
      <c r="E47" s="14">
        <v>3897</v>
      </c>
      <c r="F47" s="14"/>
      <c r="G47" s="18" t="s">
        <v>92</v>
      </c>
      <c r="H47" s="17"/>
      <c r="I47" s="13">
        <v>4727</v>
      </c>
      <c r="J47" s="14">
        <v>1844</v>
      </c>
      <c r="K47" s="14">
        <v>2883</v>
      </c>
    </row>
    <row r="48" spans="1:11" ht="15" customHeight="1">
      <c r="A48" s="17" t="s">
        <v>93</v>
      </c>
      <c r="B48" s="17"/>
      <c r="C48" s="13">
        <v>1471</v>
      </c>
      <c r="D48" s="19">
        <v>753</v>
      </c>
      <c r="E48" s="19">
        <v>718</v>
      </c>
      <c r="F48" s="19"/>
      <c r="G48" s="18" t="s">
        <v>94</v>
      </c>
      <c r="H48" s="17"/>
      <c r="I48" s="13">
        <v>1241</v>
      </c>
      <c r="J48" s="19">
        <v>528</v>
      </c>
      <c r="K48" s="19">
        <v>713</v>
      </c>
    </row>
    <row r="49" spans="1:11" ht="15" customHeight="1">
      <c r="A49" s="17" t="s">
        <v>95</v>
      </c>
      <c r="B49" s="17"/>
      <c r="C49" s="13">
        <v>1594</v>
      </c>
      <c r="D49" s="19">
        <v>794</v>
      </c>
      <c r="E49" s="19">
        <v>800</v>
      </c>
      <c r="F49" s="19"/>
      <c r="G49" s="18" t="s">
        <v>96</v>
      </c>
      <c r="H49" s="17"/>
      <c r="I49" s="13">
        <v>1044</v>
      </c>
      <c r="J49" s="19">
        <v>425</v>
      </c>
      <c r="K49" s="19">
        <v>619</v>
      </c>
    </row>
    <row r="50" spans="1:11" ht="15" customHeight="1">
      <c r="A50" s="17" t="s">
        <v>97</v>
      </c>
      <c r="B50" s="17"/>
      <c r="C50" s="13">
        <v>1604</v>
      </c>
      <c r="D50" s="19">
        <v>827</v>
      </c>
      <c r="E50" s="19">
        <v>777</v>
      </c>
      <c r="F50" s="19"/>
      <c r="G50" s="18" t="s">
        <v>98</v>
      </c>
      <c r="H50" s="17"/>
      <c r="I50" s="13">
        <v>965</v>
      </c>
      <c r="J50" s="19">
        <v>353</v>
      </c>
      <c r="K50" s="19">
        <v>612</v>
      </c>
    </row>
    <row r="51" spans="1:11" ht="15" customHeight="1">
      <c r="A51" s="17" t="s">
        <v>99</v>
      </c>
      <c r="B51" s="17"/>
      <c r="C51" s="13">
        <v>1616</v>
      </c>
      <c r="D51" s="19">
        <v>819</v>
      </c>
      <c r="E51" s="19">
        <v>797</v>
      </c>
      <c r="F51" s="19"/>
      <c r="G51" s="18" t="s">
        <v>100</v>
      </c>
      <c r="H51" s="17"/>
      <c r="I51" s="13">
        <v>791</v>
      </c>
      <c r="J51" s="19">
        <v>296</v>
      </c>
      <c r="K51" s="19">
        <v>495</v>
      </c>
    </row>
    <row r="52" spans="1:11" ht="15" customHeight="1">
      <c r="A52" s="17" t="s">
        <v>101</v>
      </c>
      <c r="B52" s="17"/>
      <c r="C52" s="13">
        <v>1614</v>
      </c>
      <c r="D52" s="19">
        <v>809</v>
      </c>
      <c r="E52" s="19">
        <v>805</v>
      </c>
      <c r="F52" s="19"/>
      <c r="G52" s="18" t="s">
        <v>102</v>
      </c>
      <c r="H52" s="17"/>
      <c r="I52" s="13">
        <v>686</v>
      </c>
      <c r="J52" s="19">
        <v>242</v>
      </c>
      <c r="K52" s="19">
        <v>444</v>
      </c>
    </row>
    <row r="53" spans="1:11" ht="20.100000000000001" customHeight="1">
      <c r="A53" s="17" t="s">
        <v>103</v>
      </c>
      <c r="B53" s="17"/>
      <c r="C53" s="13">
        <v>9473</v>
      </c>
      <c r="D53" s="14">
        <v>4790</v>
      </c>
      <c r="E53" s="14">
        <v>4683</v>
      </c>
      <c r="F53" s="14"/>
      <c r="G53" s="18" t="s">
        <v>104</v>
      </c>
      <c r="H53" s="17"/>
      <c r="I53" s="13">
        <v>1976</v>
      </c>
      <c r="J53" s="14">
        <v>600</v>
      </c>
      <c r="K53" s="14">
        <v>1376</v>
      </c>
    </row>
    <row r="54" spans="1:11" ht="15" customHeight="1">
      <c r="A54" s="17" t="s">
        <v>105</v>
      </c>
      <c r="B54" s="17"/>
      <c r="C54" s="13">
        <v>1730</v>
      </c>
      <c r="D54" s="19">
        <v>850</v>
      </c>
      <c r="E54" s="19">
        <v>880</v>
      </c>
      <c r="F54" s="19"/>
      <c r="G54" s="18" t="s">
        <v>106</v>
      </c>
      <c r="H54" s="17"/>
      <c r="I54" s="13">
        <v>597</v>
      </c>
      <c r="J54" s="19">
        <v>205</v>
      </c>
      <c r="K54" s="19">
        <v>392</v>
      </c>
    </row>
    <row r="55" spans="1:11" ht="15" customHeight="1">
      <c r="A55" s="17" t="s">
        <v>107</v>
      </c>
      <c r="B55" s="17"/>
      <c r="C55" s="13">
        <v>1755</v>
      </c>
      <c r="D55" s="19">
        <v>909</v>
      </c>
      <c r="E55" s="19">
        <v>846</v>
      </c>
      <c r="F55" s="19"/>
      <c r="G55" s="18" t="s">
        <v>108</v>
      </c>
      <c r="H55" s="17"/>
      <c r="I55" s="13">
        <v>466</v>
      </c>
      <c r="J55" s="19">
        <v>130</v>
      </c>
      <c r="K55" s="19">
        <v>336</v>
      </c>
    </row>
    <row r="56" spans="1:11" ht="15" customHeight="1">
      <c r="A56" s="17" t="s">
        <v>109</v>
      </c>
      <c r="B56" s="17"/>
      <c r="C56" s="13">
        <v>1908</v>
      </c>
      <c r="D56" s="19">
        <v>981</v>
      </c>
      <c r="E56" s="19">
        <v>927</v>
      </c>
      <c r="F56" s="19"/>
      <c r="G56" s="18" t="s">
        <v>110</v>
      </c>
      <c r="H56" s="17"/>
      <c r="I56" s="13">
        <v>373</v>
      </c>
      <c r="J56" s="19">
        <v>121</v>
      </c>
      <c r="K56" s="19">
        <v>252</v>
      </c>
    </row>
    <row r="57" spans="1:11" ht="15" customHeight="1">
      <c r="A57" s="17" t="s">
        <v>111</v>
      </c>
      <c r="B57" s="17"/>
      <c r="C57" s="13">
        <v>1983</v>
      </c>
      <c r="D57" s="19">
        <v>1014</v>
      </c>
      <c r="E57" s="19">
        <v>969</v>
      </c>
      <c r="F57" s="19"/>
      <c r="G57" s="18" t="s">
        <v>112</v>
      </c>
      <c r="H57" s="17"/>
      <c r="I57" s="13">
        <v>297</v>
      </c>
      <c r="J57" s="19">
        <v>77</v>
      </c>
      <c r="K57" s="19">
        <v>220</v>
      </c>
    </row>
    <row r="58" spans="1:11" ht="15" customHeight="1">
      <c r="A58" s="17" t="s">
        <v>113</v>
      </c>
      <c r="B58" s="17"/>
      <c r="C58" s="13">
        <v>2097</v>
      </c>
      <c r="D58" s="19">
        <v>1036</v>
      </c>
      <c r="E58" s="19">
        <v>1061</v>
      </c>
      <c r="F58" s="19"/>
      <c r="G58" s="18" t="s">
        <v>114</v>
      </c>
      <c r="H58" s="17"/>
      <c r="I58" s="13">
        <v>243</v>
      </c>
      <c r="J58" s="19">
        <v>67</v>
      </c>
      <c r="K58" s="19">
        <v>176</v>
      </c>
    </row>
    <row r="59" spans="1:11" ht="20.100000000000001" customHeight="1">
      <c r="A59" s="17" t="s">
        <v>115</v>
      </c>
      <c r="B59" s="17"/>
      <c r="C59" s="13">
        <v>12592</v>
      </c>
      <c r="D59" s="14">
        <v>6264</v>
      </c>
      <c r="E59" s="14">
        <v>6328</v>
      </c>
      <c r="F59" s="14"/>
      <c r="G59" s="18" t="s">
        <v>116</v>
      </c>
      <c r="H59" s="17"/>
      <c r="I59" s="13">
        <v>505</v>
      </c>
      <c r="J59" s="14">
        <v>84</v>
      </c>
      <c r="K59" s="14">
        <v>421</v>
      </c>
    </row>
    <row r="60" spans="1:11" ht="15" customHeight="1">
      <c r="A60" s="17" t="s">
        <v>117</v>
      </c>
      <c r="B60" s="17"/>
      <c r="C60" s="13">
        <v>2178</v>
      </c>
      <c r="D60" s="19">
        <v>1086</v>
      </c>
      <c r="E60" s="19">
        <v>1092</v>
      </c>
      <c r="F60" s="19"/>
      <c r="G60" s="18" t="s">
        <v>118</v>
      </c>
      <c r="H60" s="17"/>
      <c r="I60" s="13">
        <v>174</v>
      </c>
      <c r="J60" s="19">
        <v>48</v>
      </c>
      <c r="K60" s="19">
        <v>126</v>
      </c>
    </row>
    <row r="61" spans="1:11" ht="15" customHeight="1">
      <c r="A61" s="17" t="s">
        <v>119</v>
      </c>
      <c r="B61" s="17"/>
      <c r="C61" s="13">
        <v>2527</v>
      </c>
      <c r="D61" s="19">
        <v>1261</v>
      </c>
      <c r="E61" s="19">
        <v>1266</v>
      </c>
      <c r="F61" s="19"/>
      <c r="G61" s="18" t="s">
        <v>120</v>
      </c>
      <c r="H61" s="17"/>
      <c r="I61" s="13">
        <v>117</v>
      </c>
      <c r="J61" s="19">
        <v>17</v>
      </c>
      <c r="K61" s="19">
        <v>100</v>
      </c>
    </row>
    <row r="62" spans="1:11" ht="15" customHeight="1">
      <c r="A62" s="17" t="s">
        <v>121</v>
      </c>
      <c r="B62" s="17"/>
      <c r="C62" s="13">
        <v>2647</v>
      </c>
      <c r="D62" s="19">
        <v>1320</v>
      </c>
      <c r="E62" s="19">
        <v>1327</v>
      </c>
      <c r="F62" s="19"/>
      <c r="G62" s="18" t="s">
        <v>122</v>
      </c>
      <c r="H62" s="17"/>
      <c r="I62" s="13">
        <v>75</v>
      </c>
      <c r="J62" s="19">
        <v>9</v>
      </c>
      <c r="K62" s="19">
        <v>66</v>
      </c>
    </row>
    <row r="63" spans="1:11" ht="15" customHeight="1">
      <c r="A63" s="17" t="s">
        <v>123</v>
      </c>
      <c r="B63" s="17"/>
      <c r="C63" s="13">
        <v>2595</v>
      </c>
      <c r="D63" s="19">
        <v>1277</v>
      </c>
      <c r="E63" s="19">
        <v>1318</v>
      </c>
      <c r="F63" s="19"/>
      <c r="G63" s="18" t="s">
        <v>124</v>
      </c>
      <c r="H63" s="17"/>
      <c r="I63" s="13">
        <v>77</v>
      </c>
      <c r="J63" s="19">
        <v>3</v>
      </c>
      <c r="K63" s="19">
        <v>74</v>
      </c>
    </row>
    <row r="64" spans="1:11" ht="15" customHeight="1">
      <c r="A64" s="17" t="s">
        <v>125</v>
      </c>
      <c r="B64" s="17"/>
      <c r="C64" s="13">
        <v>2645</v>
      </c>
      <c r="D64" s="19">
        <v>1320</v>
      </c>
      <c r="E64" s="19">
        <v>1325</v>
      </c>
      <c r="F64" s="19"/>
      <c r="G64" s="18" t="s">
        <v>126</v>
      </c>
      <c r="H64" s="17"/>
      <c r="I64" s="13">
        <v>62</v>
      </c>
      <c r="J64" s="19">
        <v>7</v>
      </c>
      <c r="K64" s="19">
        <v>5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9</v>
      </c>
      <c r="J65" s="19">
        <v>18</v>
      </c>
      <c r="K65" s="19">
        <v>10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608</v>
      </c>
      <c r="J66" s="29">
        <v>614</v>
      </c>
      <c r="K66" s="29">
        <v>99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1009</v>
      </c>
      <c r="D4" s="14">
        <v>150389</v>
      </c>
      <c r="E4" s="14">
        <v>16062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1203</v>
      </c>
      <c r="D5" s="14">
        <v>5763</v>
      </c>
      <c r="E5" s="14">
        <v>5440</v>
      </c>
      <c r="F5" s="14"/>
      <c r="G5" s="18" t="s">
        <v>8</v>
      </c>
      <c r="H5" s="17"/>
      <c r="I5" s="13">
        <v>27377</v>
      </c>
      <c r="J5" s="14">
        <v>13016</v>
      </c>
      <c r="K5" s="14">
        <v>14361</v>
      </c>
    </row>
    <row r="6" spans="1:11" ht="15" customHeight="1">
      <c r="A6" s="17" t="s">
        <v>9</v>
      </c>
      <c r="B6" s="17"/>
      <c r="C6" s="13">
        <v>1979</v>
      </c>
      <c r="D6" s="19">
        <v>1007</v>
      </c>
      <c r="E6" s="19">
        <v>972</v>
      </c>
      <c r="F6" s="19"/>
      <c r="G6" s="18" t="s">
        <v>10</v>
      </c>
      <c r="H6" s="17"/>
      <c r="I6" s="13">
        <v>5596</v>
      </c>
      <c r="J6" s="19">
        <v>2560</v>
      </c>
      <c r="K6" s="19">
        <v>3036</v>
      </c>
    </row>
    <row r="7" spans="1:11" ht="15" customHeight="1">
      <c r="A7" s="17" t="s">
        <v>11</v>
      </c>
      <c r="B7" s="17"/>
      <c r="C7" s="13">
        <v>2142</v>
      </c>
      <c r="D7" s="19">
        <v>1105</v>
      </c>
      <c r="E7" s="19">
        <v>1037</v>
      </c>
      <c r="F7" s="19"/>
      <c r="G7" s="18" t="s">
        <v>12</v>
      </c>
      <c r="H7" s="17"/>
      <c r="I7" s="13">
        <v>5609</v>
      </c>
      <c r="J7" s="19">
        <v>2607</v>
      </c>
      <c r="K7" s="19">
        <v>3002</v>
      </c>
    </row>
    <row r="8" spans="1:11" ht="15" customHeight="1">
      <c r="A8" s="17" t="s">
        <v>13</v>
      </c>
      <c r="B8" s="17"/>
      <c r="C8" s="13">
        <v>2264</v>
      </c>
      <c r="D8" s="19">
        <v>1201</v>
      </c>
      <c r="E8" s="19">
        <v>1063</v>
      </c>
      <c r="F8" s="19"/>
      <c r="G8" s="18" t="s">
        <v>14</v>
      </c>
      <c r="H8" s="17"/>
      <c r="I8" s="13">
        <v>5845</v>
      </c>
      <c r="J8" s="19">
        <v>2792</v>
      </c>
      <c r="K8" s="19">
        <v>3053</v>
      </c>
    </row>
    <row r="9" spans="1:11" ht="15" customHeight="1">
      <c r="A9" s="17" t="s">
        <v>15</v>
      </c>
      <c r="B9" s="17"/>
      <c r="C9" s="13">
        <v>2374</v>
      </c>
      <c r="D9" s="19">
        <v>1202</v>
      </c>
      <c r="E9" s="19">
        <v>1172</v>
      </c>
      <c r="F9" s="19"/>
      <c r="G9" s="18" t="s">
        <v>16</v>
      </c>
      <c r="H9" s="17"/>
      <c r="I9" s="13">
        <v>5986</v>
      </c>
      <c r="J9" s="19">
        <v>2927</v>
      </c>
      <c r="K9" s="19">
        <v>3059</v>
      </c>
    </row>
    <row r="10" spans="1:11" ht="15" customHeight="1">
      <c r="A10" s="17" t="s">
        <v>17</v>
      </c>
      <c r="B10" s="17"/>
      <c r="C10" s="13">
        <v>2444</v>
      </c>
      <c r="D10" s="19">
        <v>1248</v>
      </c>
      <c r="E10" s="19">
        <v>1196</v>
      </c>
      <c r="F10" s="19"/>
      <c r="G10" s="18" t="s">
        <v>18</v>
      </c>
      <c r="H10" s="17"/>
      <c r="I10" s="13">
        <v>4341</v>
      </c>
      <c r="J10" s="19">
        <v>2130</v>
      </c>
      <c r="K10" s="19">
        <v>2211</v>
      </c>
    </row>
    <row r="11" spans="1:11" ht="20.100000000000001" customHeight="1">
      <c r="A11" s="17" t="s">
        <v>19</v>
      </c>
      <c r="B11" s="17"/>
      <c r="C11" s="13">
        <v>13360</v>
      </c>
      <c r="D11" s="14">
        <v>6841</v>
      </c>
      <c r="E11" s="14">
        <v>6519</v>
      </c>
      <c r="F11" s="14"/>
      <c r="G11" s="18" t="s">
        <v>20</v>
      </c>
      <c r="H11" s="17"/>
      <c r="I11" s="13">
        <v>24146</v>
      </c>
      <c r="J11" s="14">
        <v>12094</v>
      </c>
      <c r="K11" s="14">
        <v>12052</v>
      </c>
    </row>
    <row r="12" spans="1:11" ht="15" customHeight="1">
      <c r="A12" s="17" t="s">
        <v>21</v>
      </c>
      <c r="B12" s="17"/>
      <c r="C12" s="13">
        <v>2583</v>
      </c>
      <c r="D12" s="19">
        <v>1299</v>
      </c>
      <c r="E12" s="19">
        <v>1284</v>
      </c>
      <c r="F12" s="19"/>
      <c r="G12" s="18" t="s">
        <v>22</v>
      </c>
      <c r="H12" s="17"/>
      <c r="I12" s="13">
        <v>5629</v>
      </c>
      <c r="J12" s="19">
        <v>2793</v>
      </c>
      <c r="K12" s="19">
        <v>2836</v>
      </c>
    </row>
    <row r="13" spans="1:11" ht="15" customHeight="1">
      <c r="A13" s="17" t="s">
        <v>23</v>
      </c>
      <c r="B13" s="17"/>
      <c r="C13" s="13">
        <v>2595</v>
      </c>
      <c r="D13" s="19">
        <v>1343</v>
      </c>
      <c r="E13" s="19">
        <v>1252</v>
      </c>
      <c r="F13" s="19"/>
      <c r="G13" s="18" t="s">
        <v>24</v>
      </c>
      <c r="H13" s="17"/>
      <c r="I13" s="13">
        <v>5095</v>
      </c>
      <c r="J13" s="19">
        <v>2527</v>
      </c>
      <c r="K13" s="19">
        <v>2568</v>
      </c>
    </row>
    <row r="14" spans="1:11" ht="15" customHeight="1">
      <c r="A14" s="17" t="s">
        <v>25</v>
      </c>
      <c r="B14" s="17"/>
      <c r="C14" s="13">
        <v>2746</v>
      </c>
      <c r="D14" s="19">
        <v>1425</v>
      </c>
      <c r="E14" s="19">
        <v>1321</v>
      </c>
      <c r="F14" s="19"/>
      <c r="G14" s="18" t="s">
        <v>26</v>
      </c>
      <c r="H14" s="17"/>
      <c r="I14" s="13">
        <v>4749</v>
      </c>
      <c r="J14" s="19">
        <v>2358</v>
      </c>
      <c r="K14" s="19">
        <v>2391</v>
      </c>
    </row>
    <row r="15" spans="1:11" ht="15" customHeight="1">
      <c r="A15" s="17" t="s">
        <v>27</v>
      </c>
      <c r="B15" s="17"/>
      <c r="C15" s="13">
        <v>2773</v>
      </c>
      <c r="D15" s="19">
        <v>1407</v>
      </c>
      <c r="E15" s="19">
        <v>1366</v>
      </c>
      <c r="F15" s="19"/>
      <c r="G15" s="18" t="s">
        <v>28</v>
      </c>
      <c r="H15" s="17"/>
      <c r="I15" s="13">
        <v>4573</v>
      </c>
      <c r="J15" s="19">
        <v>2254</v>
      </c>
      <c r="K15" s="19">
        <v>2319</v>
      </c>
    </row>
    <row r="16" spans="1:11" ht="15" customHeight="1">
      <c r="A16" s="17" t="s">
        <v>29</v>
      </c>
      <c r="B16" s="17"/>
      <c r="C16" s="13">
        <v>2663</v>
      </c>
      <c r="D16" s="19">
        <v>1367</v>
      </c>
      <c r="E16" s="19">
        <v>1296</v>
      </c>
      <c r="F16" s="19"/>
      <c r="G16" s="18" t="s">
        <v>30</v>
      </c>
      <c r="H16" s="17"/>
      <c r="I16" s="13">
        <v>4100</v>
      </c>
      <c r="J16" s="19">
        <v>2162</v>
      </c>
      <c r="K16" s="19">
        <v>1938</v>
      </c>
    </row>
    <row r="17" spans="1:11" ht="20.100000000000001" customHeight="1">
      <c r="A17" s="20" t="s">
        <v>31</v>
      </c>
      <c r="B17" s="20"/>
      <c r="C17" s="13">
        <v>14309</v>
      </c>
      <c r="D17" s="14">
        <v>7331</v>
      </c>
      <c r="E17" s="14">
        <v>6978</v>
      </c>
      <c r="F17" s="14"/>
      <c r="G17" s="18" t="s">
        <v>32</v>
      </c>
      <c r="H17" s="17"/>
      <c r="I17" s="13">
        <v>17928</v>
      </c>
      <c r="J17" s="14">
        <v>9000</v>
      </c>
      <c r="K17" s="14">
        <v>8928</v>
      </c>
    </row>
    <row r="18" spans="1:11" ht="15" customHeight="1">
      <c r="A18" s="17" t="s">
        <v>33</v>
      </c>
      <c r="B18" s="17"/>
      <c r="C18" s="13">
        <v>2857</v>
      </c>
      <c r="D18" s="19">
        <v>1449</v>
      </c>
      <c r="E18" s="19">
        <v>1408</v>
      </c>
      <c r="F18" s="19"/>
      <c r="G18" s="18" t="s">
        <v>34</v>
      </c>
      <c r="H18" s="17"/>
      <c r="I18" s="13">
        <v>3924</v>
      </c>
      <c r="J18" s="19">
        <v>1969</v>
      </c>
      <c r="K18" s="19">
        <v>1955</v>
      </c>
    </row>
    <row r="19" spans="1:11" ht="15" customHeight="1">
      <c r="A19" s="17" t="s">
        <v>35</v>
      </c>
      <c r="B19" s="17"/>
      <c r="C19" s="13">
        <v>2844</v>
      </c>
      <c r="D19" s="19">
        <v>1462</v>
      </c>
      <c r="E19" s="19">
        <v>1382</v>
      </c>
      <c r="F19" s="19"/>
      <c r="G19" s="18" t="s">
        <v>36</v>
      </c>
      <c r="H19" s="17"/>
      <c r="I19" s="13">
        <v>3793</v>
      </c>
      <c r="J19" s="19">
        <v>1944</v>
      </c>
      <c r="K19" s="19">
        <v>1849</v>
      </c>
    </row>
    <row r="20" spans="1:11" ht="15" customHeight="1">
      <c r="A20" s="17" t="s">
        <v>37</v>
      </c>
      <c r="B20" s="17"/>
      <c r="C20" s="13">
        <v>2874</v>
      </c>
      <c r="D20" s="19">
        <v>1476</v>
      </c>
      <c r="E20" s="19">
        <v>1398</v>
      </c>
      <c r="F20" s="19"/>
      <c r="G20" s="18" t="s">
        <v>38</v>
      </c>
      <c r="H20" s="17"/>
      <c r="I20" s="13">
        <v>3651</v>
      </c>
      <c r="J20" s="19">
        <v>1820</v>
      </c>
      <c r="K20" s="19">
        <v>1831</v>
      </c>
    </row>
    <row r="21" spans="1:11" ht="15" customHeight="1">
      <c r="A21" s="17" t="s">
        <v>39</v>
      </c>
      <c r="B21" s="17"/>
      <c r="C21" s="13">
        <v>2884</v>
      </c>
      <c r="D21" s="19">
        <v>1488</v>
      </c>
      <c r="E21" s="19">
        <v>1396</v>
      </c>
      <c r="F21" s="19"/>
      <c r="G21" s="18" t="s">
        <v>40</v>
      </c>
      <c r="H21" s="17"/>
      <c r="I21" s="13">
        <v>3322</v>
      </c>
      <c r="J21" s="19">
        <v>1627</v>
      </c>
      <c r="K21" s="19">
        <v>1695</v>
      </c>
    </row>
    <row r="22" spans="1:11" ht="15" customHeight="1">
      <c r="A22" s="17" t="s">
        <v>41</v>
      </c>
      <c r="B22" s="17"/>
      <c r="C22" s="13">
        <v>2850</v>
      </c>
      <c r="D22" s="19">
        <v>1456</v>
      </c>
      <c r="E22" s="19">
        <v>1394</v>
      </c>
      <c r="F22" s="19"/>
      <c r="G22" s="18" t="s">
        <v>42</v>
      </c>
      <c r="H22" s="17"/>
      <c r="I22" s="13">
        <v>3238</v>
      </c>
      <c r="J22" s="19">
        <v>1640</v>
      </c>
      <c r="K22" s="19">
        <v>1598</v>
      </c>
    </row>
    <row r="23" spans="1:11" ht="20.100000000000001" customHeight="1">
      <c r="A23" s="17" t="s">
        <v>43</v>
      </c>
      <c r="B23" s="17"/>
      <c r="C23" s="13">
        <v>16309</v>
      </c>
      <c r="D23" s="14">
        <v>8460</v>
      </c>
      <c r="E23" s="14">
        <v>7849</v>
      </c>
      <c r="F23" s="14"/>
      <c r="G23" s="18" t="s">
        <v>44</v>
      </c>
      <c r="H23" s="17"/>
      <c r="I23" s="13">
        <v>15607</v>
      </c>
      <c r="J23" s="14">
        <v>7482</v>
      </c>
      <c r="K23" s="14">
        <v>8125</v>
      </c>
    </row>
    <row r="24" spans="1:11" ht="15" customHeight="1">
      <c r="A24" s="17" t="s">
        <v>45</v>
      </c>
      <c r="B24" s="17"/>
      <c r="C24" s="13">
        <v>2904</v>
      </c>
      <c r="D24" s="19">
        <v>1456</v>
      </c>
      <c r="E24" s="19">
        <v>1448</v>
      </c>
      <c r="F24" s="19"/>
      <c r="G24" s="18" t="s">
        <v>46</v>
      </c>
      <c r="H24" s="17"/>
      <c r="I24" s="13">
        <v>3123</v>
      </c>
      <c r="J24" s="19">
        <v>1507</v>
      </c>
      <c r="K24" s="19">
        <v>1616</v>
      </c>
    </row>
    <row r="25" spans="1:11" ht="15" customHeight="1">
      <c r="A25" s="17" t="s">
        <v>47</v>
      </c>
      <c r="B25" s="17"/>
      <c r="C25" s="13">
        <v>3086</v>
      </c>
      <c r="D25" s="19">
        <v>1582</v>
      </c>
      <c r="E25" s="19">
        <v>1504</v>
      </c>
      <c r="F25" s="19"/>
      <c r="G25" s="18" t="s">
        <v>48</v>
      </c>
      <c r="H25" s="17"/>
      <c r="I25" s="13">
        <v>2986</v>
      </c>
      <c r="J25" s="19">
        <v>1431</v>
      </c>
      <c r="K25" s="19">
        <v>1555</v>
      </c>
    </row>
    <row r="26" spans="1:11" ht="15" customHeight="1">
      <c r="A26" s="17" t="s">
        <v>49</v>
      </c>
      <c r="B26" s="17"/>
      <c r="C26" s="13">
        <v>3100</v>
      </c>
      <c r="D26" s="19">
        <v>1628</v>
      </c>
      <c r="E26" s="19">
        <v>1472</v>
      </c>
      <c r="F26" s="19"/>
      <c r="G26" s="18" t="s">
        <v>50</v>
      </c>
      <c r="H26" s="17"/>
      <c r="I26" s="13">
        <v>3084</v>
      </c>
      <c r="J26" s="19">
        <v>1469</v>
      </c>
      <c r="K26" s="19">
        <v>1615</v>
      </c>
    </row>
    <row r="27" spans="1:11" ht="15" customHeight="1">
      <c r="A27" s="17" t="s">
        <v>51</v>
      </c>
      <c r="B27" s="17"/>
      <c r="C27" s="13">
        <v>3340</v>
      </c>
      <c r="D27" s="19">
        <v>1709</v>
      </c>
      <c r="E27" s="19">
        <v>1631</v>
      </c>
      <c r="F27" s="19"/>
      <c r="G27" s="18" t="s">
        <v>52</v>
      </c>
      <c r="H27" s="17"/>
      <c r="I27" s="13">
        <v>3158</v>
      </c>
      <c r="J27" s="19">
        <v>1485</v>
      </c>
      <c r="K27" s="19">
        <v>1673</v>
      </c>
    </row>
    <row r="28" spans="1:11" ht="15" customHeight="1">
      <c r="A28" s="17" t="s">
        <v>53</v>
      </c>
      <c r="B28" s="17"/>
      <c r="C28" s="13">
        <v>3879</v>
      </c>
      <c r="D28" s="19">
        <v>2085</v>
      </c>
      <c r="E28" s="19">
        <v>1794</v>
      </c>
      <c r="F28" s="19"/>
      <c r="G28" s="18" t="s">
        <v>54</v>
      </c>
      <c r="H28" s="17"/>
      <c r="I28" s="13">
        <v>3256</v>
      </c>
      <c r="J28" s="19">
        <v>1590</v>
      </c>
      <c r="K28" s="19">
        <v>1666</v>
      </c>
    </row>
    <row r="29" spans="1:11" ht="20.100000000000001" customHeight="1">
      <c r="A29" s="17" t="s">
        <v>55</v>
      </c>
      <c r="B29" s="17"/>
      <c r="C29" s="13">
        <v>18946</v>
      </c>
      <c r="D29" s="14">
        <v>9429</v>
      </c>
      <c r="E29" s="14">
        <v>9517</v>
      </c>
      <c r="F29" s="14"/>
      <c r="G29" s="18" t="s">
        <v>56</v>
      </c>
      <c r="H29" s="17"/>
      <c r="I29" s="13">
        <v>18099</v>
      </c>
      <c r="J29" s="14">
        <v>8431</v>
      </c>
      <c r="K29" s="14">
        <v>9668</v>
      </c>
    </row>
    <row r="30" spans="1:11" ht="15" customHeight="1">
      <c r="A30" s="17" t="s">
        <v>57</v>
      </c>
      <c r="B30" s="17"/>
      <c r="C30" s="13">
        <v>4091</v>
      </c>
      <c r="D30" s="19">
        <v>2093</v>
      </c>
      <c r="E30" s="19">
        <v>1998</v>
      </c>
      <c r="F30" s="19"/>
      <c r="G30" s="18" t="s">
        <v>58</v>
      </c>
      <c r="H30" s="17"/>
      <c r="I30" s="13">
        <v>3384</v>
      </c>
      <c r="J30" s="19">
        <v>1572</v>
      </c>
      <c r="K30" s="19">
        <v>1812</v>
      </c>
    </row>
    <row r="31" spans="1:11" ht="15" customHeight="1">
      <c r="A31" s="17" t="s">
        <v>59</v>
      </c>
      <c r="B31" s="17"/>
      <c r="C31" s="13">
        <v>3945</v>
      </c>
      <c r="D31" s="19">
        <v>2019</v>
      </c>
      <c r="E31" s="19">
        <v>1926</v>
      </c>
      <c r="F31" s="19"/>
      <c r="G31" s="18" t="s">
        <v>60</v>
      </c>
      <c r="H31" s="17"/>
      <c r="I31" s="13">
        <v>4114</v>
      </c>
      <c r="J31" s="19">
        <v>1862</v>
      </c>
      <c r="K31" s="19">
        <v>2252</v>
      </c>
    </row>
    <row r="32" spans="1:11" ht="15" customHeight="1">
      <c r="A32" s="17" t="s">
        <v>61</v>
      </c>
      <c r="B32" s="17"/>
      <c r="C32" s="13">
        <v>4021</v>
      </c>
      <c r="D32" s="19">
        <v>2038</v>
      </c>
      <c r="E32" s="19">
        <v>1983</v>
      </c>
      <c r="F32" s="19"/>
      <c r="G32" s="18" t="s">
        <v>62</v>
      </c>
      <c r="H32" s="17"/>
      <c r="I32" s="13">
        <v>3936</v>
      </c>
      <c r="J32" s="19">
        <v>1841</v>
      </c>
      <c r="K32" s="19">
        <v>2095</v>
      </c>
    </row>
    <row r="33" spans="1:11" ht="15" customHeight="1">
      <c r="A33" s="17" t="s">
        <v>63</v>
      </c>
      <c r="B33" s="17"/>
      <c r="C33" s="13">
        <v>3508</v>
      </c>
      <c r="D33" s="19">
        <v>1689</v>
      </c>
      <c r="E33" s="19">
        <v>1819</v>
      </c>
      <c r="F33" s="19"/>
      <c r="G33" s="18" t="s">
        <v>64</v>
      </c>
      <c r="H33" s="17"/>
      <c r="I33" s="13">
        <v>3905</v>
      </c>
      <c r="J33" s="19">
        <v>1867</v>
      </c>
      <c r="K33" s="19">
        <v>2038</v>
      </c>
    </row>
    <row r="34" spans="1:11" ht="15" customHeight="1">
      <c r="A34" s="17" t="s">
        <v>65</v>
      </c>
      <c r="B34" s="17"/>
      <c r="C34" s="13">
        <v>3381</v>
      </c>
      <c r="D34" s="19">
        <v>1590</v>
      </c>
      <c r="E34" s="19">
        <v>1791</v>
      </c>
      <c r="F34" s="19"/>
      <c r="G34" s="18" t="s">
        <v>66</v>
      </c>
      <c r="H34" s="17"/>
      <c r="I34" s="13">
        <v>2760</v>
      </c>
      <c r="J34" s="19">
        <v>1289</v>
      </c>
      <c r="K34" s="19">
        <v>1471</v>
      </c>
    </row>
    <row r="35" spans="1:11" ht="20.100000000000001" customHeight="1">
      <c r="A35" s="17" t="s">
        <v>67</v>
      </c>
      <c r="B35" s="17"/>
      <c r="C35" s="13">
        <v>14508</v>
      </c>
      <c r="D35" s="14">
        <v>6774</v>
      </c>
      <c r="E35" s="14">
        <v>7734</v>
      </c>
      <c r="F35" s="14"/>
      <c r="G35" s="18" t="s">
        <v>68</v>
      </c>
      <c r="H35" s="17"/>
      <c r="I35" s="13">
        <v>13499</v>
      </c>
      <c r="J35" s="14">
        <v>6196</v>
      </c>
      <c r="K35" s="14">
        <v>7303</v>
      </c>
    </row>
    <row r="36" spans="1:11" ht="15" customHeight="1">
      <c r="A36" s="17" t="s">
        <v>69</v>
      </c>
      <c r="B36" s="17"/>
      <c r="C36" s="13">
        <v>3132</v>
      </c>
      <c r="D36" s="19">
        <v>1451</v>
      </c>
      <c r="E36" s="19">
        <v>1681</v>
      </c>
      <c r="F36" s="19"/>
      <c r="G36" s="18" t="s">
        <v>70</v>
      </c>
      <c r="H36" s="17"/>
      <c r="I36" s="13">
        <v>2419</v>
      </c>
      <c r="J36" s="19">
        <v>1102</v>
      </c>
      <c r="K36" s="19">
        <v>1317</v>
      </c>
    </row>
    <row r="37" spans="1:11" ht="15" customHeight="1">
      <c r="A37" s="17" t="s">
        <v>71</v>
      </c>
      <c r="B37" s="17"/>
      <c r="C37" s="13">
        <v>3100</v>
      </c>
      <c r="D37" s="19">
        <v>1419</v>
      </c>
      <c r="E37" s="19">
        <v>1681</v>
      </c>
      <c r="F37" s="19"/>
      <c r="G37" s="18" t="s">
        <v>72</v>
      </c>
      <c r="H37" s="17"/>
      <c r="I37" s="13">
        <v>2844</v>
      </c>
      <c r="J37" s="19">
        <v>1325</v>
      </c>
      <c r="K37" s="19">
        <v>1519</v>
      </c>
    </row>
    <row r="38" spans="1:11" ht="15" customHeight="1">
      <c r="A38" s="17" t="s">
        <v>73</v>
      </c>
      <c r="B38" s="17"/>
      <c r="C38" s="13">
        <v>2725</v>
      </c>
      <c r="D38" s="19">
        <v>1268</v>
      </c>
      <c r="E38" s="19">
        <v>1457</v>
      </c>
      <c r="F38" s="19"/>
      <c r="G38" s="18" t="s">
        <v>74</v>
      </c>
      <c r="H38" s="17"/>
      <c r="I38" s="13">
        <v>2855</v>
      </c>
      <c r="J38" s="19">
        <v>1330</v>
      </c>
      <c r="K38" s="19">
        <v>1525</v>
      </c>
    </row>
    <row r="39" spans="1:11" ht="15" customHeight="1">
      <c r="A39" s="17" t="s">
        <v>75</v>
      </c>
      <c r="B39" s="17"/>
      <c r="C39" s="13">
        <v>2788</v>
      </c>
      <c r="D39" s="19">
        <v>1316</v>
      </c>
      <c r="E39" s="19">
        <v>1472</v>
      </c>
      <c r="F39" s="19"/>
      <c r="G39" s="18" t="s">
        <v>76</v>
      </c>
      <c r="H39" s="17"/>
      <c r="I39" s="13">
        <v>2795</v>
      </c>
      <c r="J39" s="19">
        <v>1290</v>
      </c>
      <c r="K39" s="19">
        <v>1505</v>
      </c>
    </row>
    <row r="40" spans="1:11" ht="15" customHeight="1">
      <c r="A40" s="17" t="s">
        <v>77</v>
      </c>
      <c r="B40" s="17"/>
      <c r="C40" s="13">
        <v>2763</v>
      </c>
      <c r="D40" s="19">
        <v>1320</v>
      </c>
      <c r="E40" s="19">
        <v>1443</v>
      </c>
      <c r="F40" s="19"/>
      <c r="G40" s="18" t="s">
        <v>78</v>
      </c>
      <c r="H40" s="17"/>
      <c r="I40" s="13">
        <v>2586</v>
      </c>
      <c r="J40" s="19">
        <v>1149</v>
      </c>
      <c r="K40" s="19">
        <v>1437</v>
      </c>
    </row>
    <row r="41" spans="1:11" ht="20.100000000000001" customHeight="1">
      <c r="A41" s="17" t="s">
        <v>79</v>
      </c>
      <c r="B41" s="17"/>
      <c r="C41" s="13">
        <v>14294</v>
      </c>
      <c r="D41" s="14">
        <v>6983</v>
      </c>
      <c r="E41" s="14">
        <v>7311</v>
      </c>
      <c r="F41" s="14"/>
      <c r="G41" s="18" t="s">
        <v>80</v>
      </c>
      <c r="H41" s="17"/>
      <c r="I41" s="13">
        <v>9945</v>
      </c>
      <c r="J41" s="14">
        <v>4382</v>
      </c>
      <c r="K41" s="14">
        <v>5563</v>
      </c>
    </row>
    <row r="42" spans="1:11" ht="15" customHeight="1">
      <c r="A42" s="17" t="s">
        <v>81</v>
      </c>
      <c r="B42" s="17"/>
      <c r="C42" s="13">
        <v>2709</v>
      </c>
      <c r="D42" s="19">
        <v>1317</v>
      </c>
      <c r="E42" s="19">
        <v>1392</v>
      </c>
      <c r="F42" s="19"/>
      <c r="G42" s="18" t="s">
        <v>82</v>
      </c>
      <c r="H42" s="17"/>
      <c r="I42" s="13">
        <v>2343</v>
      </c>
      <c r="J42" s="19">
        <v>1071</v>
      </c>
      <c r="K42" s="19">
        <v>1272</v>
      </c>
    </row>
    <row r="43" spans="1:11" ht="15" customHeight="1">
      <c r="A43" s="17" t="s">
        <v>83</v>
      </c>
      <c r="B43" s="17"/>
      <c r="C43" s="13">
        <v>2641</v>
      </c>
      <c r="D43" s="19">
        <v>1285</v>
      </c>
      <c r="E43" s="19">
        <v>1356</v>
      </c>
      <c r="F43" s="19"/>
      <c r="G43" s="18" t="s">
        <v>84</v>
      </c>
      <c r="H43" s="17"/>
      <c r="I43" s="13">
        <v>1966</v>
      </c>
      <c r="J43" s="19">
        <v>894</v>
      </c>
      <c r="K43" s="19">
        <v>1072</v>
      </c>
    </row>
    <row r="44" spans="1:11" ht="15" customHeight="1">
      <c r="A44" s="17" t="s">
        <v>85</v>
      </c>
      <c r="B44" s="17"/>
      <c r="C44" s="13">
        <v>2988</v>
      </c>
      <c r="D44" s="19">
        <v>1487</v>
      </c>
      <c r="E44" s="19">
        <v>1501</v>
      </c>
      <c r="F44" s="19"/>
      <c r="G44" s="18" t="s">
        <v>86</v>
      </c>
      <c r="H44" s="17"/>
      <c r="I44" s="13">
        <v>1899</v>
      </c>
      <c r="J44" s="19">
        <v>854</v>
      </c>
      <c r="K44" s="19">
        <v>1045</v>
      </c>
    </row>
    <row r="45" spans="1:11" ht="15" customHeight="1">
      <c r="A45" s="17" t="s">
        <v>87</v>
      </c>
      <c r="B45" s="17"/>
      <c r="C45" s="13">
        <v>2887</v>
      </c>
      <c r="D45" s="19">
        <v>1405</v>
      </c>
      <c r="E45" s="19">
        <v>1482</v>
      </c>
      <c r="F45" s="19"/>
      <c r="G45" s="18" t="s">
        <v>88</v>
      </c>
      <c r="H45" s="17"/>
      <c r="I45" s="13">
        <v>1925</v>
      </c>
      <c r="J45" s="19">
        <v>817</v>
      </c>
      <c r="K45" s="19">
        <v>1108</v>
      </c>
    </row>
    <row r="46" spans="1:11" ht="15" customHeight="1">
      <c r="A46" s="17" t="s">
        <v>89</v>
      </c>
      <c r="B46" s="17"/>
      <c r="C46" s="13">
        <v>3069</v>
      </c>
      <c r="D46" s="19">
        <v>1489</v>
      </c>
      <c r="E46" s="19">
        <v>1580</v>
      </c>
      <c r="F46" s="19"/>
      <c r="G46" s="18" t="s">
        <v>90</v>
      </c>
      <c r="H46" s="17"/>
      <c r="I46" s="13">
        <v>1812</v>
      </c>
      <c r="J46" s="19">
        <v>746</v>
      </c>
      <c r="K46" s="19">
        <v>1066</v>
      </c>
    </row>
    <row r="47" spans="1:11" ht="20.100000000000001" customHeight="1">
      <c r="A47" s="17" t="s">
        <v>91</v>
      </c>
      <c r="B47" s="17"/>
      <c r="C47" s="13">
        <v>17286</v>
      </c>
      <c r="D47" s="14">
        <v>8374</v>
      </c>
      <c r="E47" s="14">
        <v>8912</v>
      </c>
      <c r="F47" s="14"/>
      <c r="G47" s="18" t="s">
        <v>92</v>
      </c>
      <c r="H47" s="17"/>
      <c r="I47" s="13">
        <v>6779</v>
      </c>
      <c r="J47" s="14">
        <v>2637</v>
      </c>
      <c r="K47" s="14">
        <v>4142</v>
      </c>
    </row>
    <row r="48" spans="1:11" ht="15" customHeight="1">
      <c r="A48" s="17" t="s">
        <v>93</v>
      </c>
      <c r="B48" s="17"/>
      <c r="C48" s="13">
        <v>3268</v>
      </c>
      <c r="D48" s="19">
        <v>1522</v>
      </c>
      <c r="E48" s="19">
        <v>1746</v>
      </c>
      <c r="F48" s="19"/>
      <c r="G48" s="18" t="s">
        <v>94</v>
      </c>
      <c r="H48" s="17"/>
      <c r="I48" s="13">
        <v>1726</v>
      </c>
      <c r="J48" s="19">
        <v>749</v>
      </c>
      <c r="K48" s="19">
        <v>977</v>
      </c>
    </row>
    <row r="49" spans="1:11" ht="15" customHeight="1">
      <c r="A49" s="17" t="s">
        <v>95</v>
      </c>
      <c r="B49" s="17"/>
      <c r="C49" s="13">
        <v>3411</v>
      </c>
      <c r="D49" s="19">
        <v>1675</v>
      </c>
      <c r="E49" s="19">
        <v>1736</v>
      </c>
      <c r="F49" s="19"/>
      <c r="G49" s="18" t="s">
        <v>96</v>
      </c>
      <c r="H49" s="17"/>
      <c r="I49" s="13">
        <v>1420</v>
      </c>
      <c r="J49" s="19">
        <v>582</v>
      </c>
      <c r="K49" s="19">
        <v>838</v>
      </c>
    </row>
    <row r="50" spans="1:11" ht="15" customHeight="1">
      <c r="A50" s="17" t="s">
        <v>97</v>
      </c>
      <c r="B50" s="17"/>
      <c r="C50" s="13">
        <v>3425</v>
      </c>
      <c r="D50" s="19">
        <v>1701</v>
      </c>
      <c r="E50" s="19">
        <v>1724</v>
      </c>
      <c r="F50" s="19"/>
      <c r="G50" s="18" t="s">
        <v>98</v>
      </c>
      <c r="H50" s="17"/>
      <c r="I50" s="13">
        <v>1329</v>
      </c>
      <c r="J50" s="19">
        <v>490</v>
      </c>
      <c r="K50" s="19">
        <v>839</v>
      </c>
    </row>
    <row r="51" spans="1:11" ht="15" customHeight="1">
      <c r="A51" s="17" t="s">
        <v>99</v>
      </c>
      <c r="B51" s="17"/>
      <c r="C51" s="13">
        <v>3554</v>
      </c>
      <c r="D51" s="19">
        <v>1713</v>
      </c>
      <c r="E51" s="19">
        <v>1841</v>
      </c>
      <c r="F51" s="19"/>
      <c r="G51" s="18" t="s">
        <v>100</v>
      </c>
      <c r="H51" s="17"/>
      <c r="I51" s="13">
        <v>1281</v>
      </c>
      <c r="J51" s="19">
        <v>453</v>
      </c>
      <c r="K51" s="19">
        <v>828</v>
      </c>
    </row>
    <row r="52" spans="1:11" ht="15" customHeight="1">
      <c r="A52" s="17" t="s">
        <v>101</v>
      </c>
      <c r="B52" s="17"/>
      <c r="C52" s="13">
        <v>3628</v>
      </c>
      <c r="D52" s="19">
        <v>1763</v>
      </c>
      <c r="E52" s="19">
        <v>1865</v>
      </c>
      <c r="F52" s="19"/>
      <c r="G52" s="18" t="s">
        <v>102</v>
      </c>
      <c r="H52" s="17"/>
      <c r="I52" s="13">
        <v>1023</v>
      </c>
      <c r="J52" s="19">
        <v>363</v>
      </c>
      <c r="K52" s="19">
        <v>660</v>
      </c>
    </row>
    <row r="53" spans="1:11" ht="20.100000000000001" customHeight="1">
      <c r="A53" s="17" t="s">
        <v>103</v>
      </c>
      <c r="B53" s="17"/>
      <c r="C53" s="13">
        <v>20852</v>
      </c>
      <c r="D53" s="14">
        <v>10027</v>
      </c>
      <c r="E53" s="14">
        <v>10825</v>
      </c>
      <c r="F53" s="14"/>
      <c r="G53" s="18" t="s">
        <v>104</v>
      </c>
      <c r="H53" s="17"/>
      <c r="I53" s="13">
        <v>3307</v>
      </c>
      <c r="J53" s="14">
        <v>951</v>
      </c>
      <c r="K53" s="14">
        <v>2356</v>
      </c>
    </row>
    <row r="54" spans="1:11" ht="15" customHeight="1">
      <c r="A54" s="17" t="s">
        <v>105</v>
      </c>
      <c r="B54" s="17"/>
      <c r="C54" s="13">
        <v>3762</v>
      </c>
      <c r="D54" s="19">
        <v>1807</v>
      </c>
      <c r="E54" s="19">
        <v>1955</v>
      </c>
      <c r="F54" s="19"/>
      <c r="G54" s="18" t="s">
        <v>106</v>
      </c>
      <c r="H54" s="17"/>
      <c r="I54" s="13">
        <v>930</v>
      </c>
      <c r="J54" s="19">
        <v>313</v>
      </c>
      <c r="K54" s="19">
        <v>617</v>
      </c>
    </row>
    <row r="55" spans="1:11" ht="15" customHeight="1">
      <c r="A55" s="17" t="s">
        <v>107</v>
      </c>
      <c r="B55" s="17"/>
      <c r="C55" s="13">
        <v>4102</v>
      </c>
      <c r="D55" s="19">
        <v>1950</v>
      </c>
      <c r="E55" s="19">
        <v>2152</v>
      </c>
      <c r="F55" s="19"/>
      <c r="G55" s="18" t="s">
        <v>108</v>
      </c>
      <c r="H55" s="17"/>
      <c r="I55" s="13">
        <v>731</v>
      </c>
      <c r="J55" s="19">
        <v>202</v>
      </c>
      <c r="K55" s="19">
        <v>529</v>
      </c>
    </row>
    <row r="56" spans="1:11" ht="15" customHeight="1">
      <c r="A56" s="17" t="s">
        <v>109</v>
      </c>
      <c r="B56" s="17"/>
      <c r="C56" s="13">
        <v>4159</v>
      </c>
      <c r="D56" s="19">
        <v>2046</v>
      </c>
      <c r="E56" s="19">
        <v>2113</v>
      </c>
      <c r="F56" s="19"/>
      <c r="G56" s="18" t="s">
        <v>110</v>
      </c>
      <c r="H56" s="17"/>
      <c r="I56" s="13">
        <v>728</v>
      </c>
      <c r="J56" s="19">
        <v>198</v>
      </c>
      <c r="K56" s="19">
        <v>530</v>
      </c>
    </row>
    <row r="57" spans="1:11" ht="15" customHeight="1">
      <c r="A57" s="17" t="s">
        <v>111</v>
      </c>
      <c r="B57" s="17"/>
      <c r="C57" s="13">
        <v>4295</v>
      </c>
      <c r="D57" s="19">
        <v>2045</v>
      </c>
      <c r="E57" s="19">
        <v>2250</v>
      </c>
      <c r="F57" s="19"/>
      <c r="G57" s="18" t="s">
        <v>112</v>
      </c>
      <c r="H57" s="17"/>
      <c r="I57" s="13">
        <v>496</v>
      </c>
      <c r="J57" s="19">
        <v>132</v>
      </c>
      <c r="K57" s="19">
        <v>364</v>
      </c>
    </row>
    <row r="58" spans="1:11" ht="15" customHeight="1">
      <c r="A58" s="17" t="s">
        <v>113</v>
      </c>
      <c r="B58" s="17"/>
      <c r="C58" s="13">
        <v>4534</v>
      </c>
      <c r="D58" s="19">
        <v>2179</v>
      </c>
      <c r="E58" s="19">
        <v>2355</v>
      </c>
      <c r="F58" s="19"/>
      <c r="G58" s="18" t="s">
        <v>114</v>
      </c>
      <c r="H58" s="17"/>
      <c r="I58" s="13">
        <v>422</v>
      </c>
      <c r="J58" s="19">
        <v>106</v>
      </c>
      <c r="K58" s="19">
        <v>316</v>
      </c>
    </row>
    <row r="59" spans="1:11" ht="20.100000000000001" customHeight="1">
      <c r="A59" s="17" t="s">
        <v>115</v>
      </c>
      <c r="B59" s="17"/>
      <c r="C59" s="13">
        <v>25756</v>
      </c>
      <c r="D59" s="14">
        <v>12125</v>
      </c>
      <c r="E59" s="14">
        <v>13631</v>
      </c>
      <c r="F59" s="14"/>
      <c r="G59" s="18" t="s">
        <v>116</v>
      </c>
      <c r="H59" s="17"/>
      <c r="I59" s="13">
        <v>928</v>
      </c>
      <c r="J59" s="14">
        <v>180</v>
      </c>
      <c r="K59" s="14">
        <v>748</v>
      </c>
    </row>
    <row r="60" spans="1:11" ht="15" customHeight="1">
      <c r="A60" s="17" t="s">
        <v>117</v>
      </c>
      <c r="B60" s="17"/>
      <c r="C60" s="13">
        <v>4688</v>
      </c>
      <c r="D60" s="19">
        <v>2247</v>
      </c>
      <c r="E60" s="19">
        <v>2441</v>
      </c>
      <c r="F60" s="19"/>
      <c r="G60" s="18" t="s">
        <v>118</v>
      </c>
      <c r="H60" s="17"/>
      <c r="I60" s="13">
        <v>344</v>
      </c>
      <c r="J60" s="19">
        <v>77</v>
      </c>
      <c r="K60" s="19">
        <v>267</v>
      </c>
    </row>
    <row r="61" spans="1:11" ht="15" customHeight="1">
      <c r="A61" s="17" t="s">
        <v>119</v>
      </c>
      <c r="B61" s="17"/>
      <c r="C61" s="13">
        <v>4978</v>
      </c>
      <c r="D61" s="19">
        <v>2352</v>
      </c>
      <c r="E61" s="19">
        <v>2626</v>
      </c>
      <c r="F61" s="19"/>
      <c r="G61" s="18" t="s">
        <v>120</v>
      </c>
      <c r="H61" s="17"/>
      <c r="I61" s="13">
        <v>227</v>
      </c>
      <c r="J61" s="19">
        <v>46</v>
      </c>
      <c r="K61" s="19">
        <v>181</v>
      </c>
    </row>
    <row r="62" spans="1:11" ht="15" customHeight="1">
      <c r="A62" s="17" t="s">
        <v>121</v>
      </c>
      <c r="B62" s="17"/>
      <c r="C62" s="13">
        <v>5470</v>
      </c>
      <c r="D62" s="19">
        <v>2585</v>
      </c>
      <c r="E62" s="19">
        <v>2885</v>
      </c>
      <c r="F62" s="19"/>
      <c r="G62" s="18" t="s">
        <v>122</v>
      </c>
      <c r="H62" s="17"/>
      <c r="I62" s="13">
        <v>158</v>
      </c>
      <c r="J62" s="19">
        <v>29</v>
      </c>
      <c r="K62" s="19">
        <v>129</v>
      </c>
    </row>
    <row r="63" spans="1:11" ht="15" customHeight="1">
      <c r="A63" s="17" t="s">
        <v>123</v>
      </c>
      <c r="B63" s="17"/>
      <c r="C63" s="13">
        <v>5297</v>
      </c>
      <c r="D63" s="19">
        <v>2472</v>
      </c>
      <c r="E63" s="19">
        <v>2825</v>
      </c>
      <c r="F63" s="19"/>
      <c r="G63" s="18" t="s">
        <v>124</v>
      </c>
      <c r="H63" s="17"/>
      <c r="I63" s="13">
        <v>117</v>
      </c>
      <c r="J63" s="19">
        <v>17</v>
      </c>
      <c r="K63" s="19">
        <v>100</v>
      </c>
    </row>
    <row r="64" spans="1:11" ht="15" customHeight="1">
      <c r="A64" s="17" t="s">
        <v>125</v>
      </c>
      <c r="B64" s="17"/>
      <c r="C64" s="13">
        <v>5323</v>
      </c>
      <c r="D64" s="19">
        <v>2469</v>
      </c>
      <c r="E64" s="19">
        <v>2854</v>
      </c>
      <c r="F64" s="19"/>
      <c r="G64" s="18" t="s">
        <v>126</v>
      </c>
      <c r="H64" s="17"/>
      <c r="I64" s="13">
        <v>82</v>
      </c>
      <c r="J64" s="19">
        <v>11</v>
      </c>
      <c r="K64" s="19">
        <v>7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71</v>
      </c>
      <c r="J65" s="19">
        <v>27</v>
      </c>
      <c r="K65" s="19">
        <v>14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400</v>
      </c>
      <c r="J66" s="29">
        <v>3886</v>
      </c>
      <c r="K66" s="29">
        <v>251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3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776286</v>
      </c>
      <c r="D4" s="14">
        <v>1866381</v>
      </c>
      <c r="E4" s="14">
        <v>190990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33743</v>
      </c>
      <c r="D5" s="14">
        <v>68453</v>
      </c>
      <c r="E5" s="14">
        <v>65290</v>
      </c>
      <c r="F5" s="14"/>
      <c r="G5" s="18" t="s">
        <v>8</v>
      </c>
      <c r="H5" s="17"/>
      <c r="I5" s="13">
        <v>298988</v>
      </c>
      <c r="J5" s="14">
        <v>152621</v>
      </c>
      <c r="K5" s="14">
        <v>146367</v>
      </c>
    </row>
    <row r="6" spans="1:11" ht="15" customHeight="1">
      <c r="A6" s="17" t="s">
        <v>9</v>
      </c>
      <c r="B6" s="17"/>
      <c r="C6" s="13">
        <v>24801</v>
      </c>
      <c r="D6" s="19">
        <v>12767</v>
      </c>
      <c r="E6" s="19">
        <v>12034</v>
      </c>
      <c r="F6" s="19"/>
      <c r="G6" s="18" t="s">
        <v>10</v>
      </c>
      <c r="H6" s="17"/>
      <c r="I6" s="13">
        <v>64377</v>
      </c>
      <c r="J6" s="19">
        <v>32418</v>
      </c>
      <c r="K6" s="19">
        <v>31959</v>
      </c>
    </row>
    <row r="7" spans="1:11" ht="15" customHeight="1">
      <c r="A7" s="17" t="s">
        <v>11</v>
      </c>
      <c r="B7" s="17"/>
      <c r="C7" s="13">
        <v>25779</v>
      </c>
      <c r="D7" s="19">
        <v>13161</v>
      </c>
      <c r="E7" s="19">
        <v>12618</v>
      </c>
      <c r="F7" s="19"/>
      <c r="G7" s="18" t="s">
        <v>12</v>
      </c>
      <c r="H7" s="17"/>
      <c r="I7" s="13">
        <v>62766</v>
      </c>
      <c r="J7" s="19">
        <v>32014</v>
      </c>
      <c r="K7" s="19">
        <v>30752</v>
      </c>
    </row>
    <row r="8" spans="1:11" ht="15" customHeight="1">
      <c r="A8" s="17" t="s">
        <v>13</v>
      </c>
      <c r="B8" s="17"/>
      <c r="C8" s="13">
        <v>27119</v>
      </c>
      <c r="D8" s="19">
        <v>13923</v>
      </c>
      <c r="E8" s="19">
        <v>13196</v>
      </c>
      <c r="F8" s="19"/>
      <c r="G8" s="18" t="s">
        <v>14</v>
      </c>
      <c r="H8" s="17"/>
      <c r="I8" s="13">
        <v>62290</v>
      </c>
      <c r="J8" s="19">
        <v>31894</v>
      </c>
      <c r="K8" s="19">
        <v>30396</v>
      </c>
    </row>
    <row r="9" spans="1:11" ht="15" customHeight="1">
      <c r="A9" s="17" t="s">
        <v>15</v>
      </c>
      <c r="B9" s="17"/>
      <c r="C9" s="13">
        <v>27588</v>
      </c>
      <c r="D9" s="19">
        <v>14097</v>
      </c>
      <c r="E9" s="19">
        <v>13491</v>
      </c>
      <c r="F9" s="19"/>
      <c r="G9" s="18" t="s">
        <v>16</v>
      </c>
      <c r="H9" s="17"/>
      <c r="I9" s="13">
        <v>63953</v>
      </c>
      <c r="J9" s="19">
        <v>32906</v>
      </c>
      <c r="K9" s="19">
        <v>31047</v>
      </c>
    </row>
    <row r="10" spans="1:11" ht="15" customHeight="1">
      <c r="A10" s="17" t="s">
        <v>17</v>
      </c>
      <c r="B10" s="17"/>
      <c r="C10" s="13">
        <v>28456</v>
      </c>
      <c r="D10" s="19">
        <v>14505</v>
      </c>
      <c r="E10" s="19">
        <v>13951</v>
      </c>
      <c r="F10" s="19"/>
      <c r="G10" s="18" t="s">
        <v>18</v>
      </c>
      <c r="H10" s="17"/>
      <c r="I10" s="13">
        <v>45602</v>
      </c>
      <c r="J10" s="19">
        <v>23389</v>
      </c>
      <c r="K10" s="19">
        <v>22213</v>
      </c>
    </row>
    <row r="11" spans="1:11" ht="20.100000000000001" customHeight="1">
      <c r="A11" s="17" t="s">
        <v>19</v>
      </c>
      <c r="B11" s="17"/>
      <c r="C11" s="13">
        <v>149638</v>
      </c>
      <c r="D11" s="14">
        <v>76736</v>
      </c>
      <c r="E11" s="14">
        <v>72902</v>
      </c>
      <c r="F11" s="14"/>
      <c r="G11" s="18" t="s">
        <v>20</v>
      </c>
      <c r="H11" s="17"/>
      <c r="I11" s="13">
        <v>254090</v>
      </c>
      <c r="J11" s="14">
        <v>131195</v>
      </c>
      <c r="K11" s="14">
        <v>122895</v>
      </c>
    </row>
    <row r="12" spans="1:11" ht="15" customHeight="1">
      <c r="A12" s="17" t="s">
        <v>21</v>
      </c>
      <c r="B12" s="17"/>
      <c r="C12" s="13">
        <v>29555</v>
      </c>
      <c r="D12" s="19">
        <v>15119</v>
      </c>
      <c r="E12" s="19">
        <v>14436</v>
      </c>
      <c r="F12" s="19"/>
      <c r="G12" s="18" t="s">
        <v>22</v>
      </c>
      <c r="H12" s="17"/>
      <c r="I12" s="13">
        <v>58286</v>
      </c>
      <c r="J12" s="19">
        <v>30218</v>
      </c>
      <c r="K12" s="19">
        <v>28068</v>
      </c>
    </row>
    <row r="13" spans="1:11" ht="15" customHeight="1">
      <c r="A13" s="17" t="s">
        <v>23</v>
      </c>
      <c r="B13" s="17"/>
      <c r="C13" s="13">
        <v>29531</v>
      </c>
      <c r="D13" s="19">
        <v>15175</v>
      </c>
      <c r="E13" s="19">
        <v>14356</v>
      </c>
      <c r="F13" s="19"/>
      <c r="G13" s="18" t="s">
        <v>24</v>
      </c>
      <c r="H13" s="17"/>
      <c r="I13" s="13">
        <v>53468</v>
      </c>
      <c r="J13" s="19">
        <v>27530</v>
      </c>
      <c r="K13" s="19">
        <v>25938</v>
      </c>
    </row>
    <row r="14" spans="1:11" ht="15" customHeight="1">
      <c r="A14" s="17" t="s">
        <v>25</v>
      </c>
      <c r="B14" s="17"/>
      <c r="C14" s="13">
        <v>29806</v>
      </c>
      <c r="D14" s="19">
        <v>15344</v>
      </c>
      <c r="E14" s="19">
        <v>14462</v>
      </c>
      <c r="F14" s="19"/>
      <c r="G14" s="18" t="s">
        <v>26</v>
      </c>
      <c r="H14" s="17"/>
      <c r="I14" s="13">
        <v>50266</v>
      </c>
      <c r="J14" s="19">
        <v>26035</v>
      </c>
      <c r="K14" s="19">
        <v>24231</v>
      </c>
    </row>
    <row r="15" spans="1:11" ht="15" customHeight="1">
      <c r="A15" s="17" t="s">
        <v>27</v>
      </c>
      <c r="B15" s="17"/>
      <c r="C15" s="13">
        <v>30574</v>
      </c>
      <c r="D15" s="19">
        <v>15611</v>
      </c>
      <c r="E15" s="19">
        <v>14963</v>
      </c>
      <c r="F15" s="19"/>
      <c r="G15" s="18" t="s">
        <v>28</v>
      </c>
      <c r="H15" s="17"/>
      <c r="I15" s="13">
        <v>47372</v>
      </c>
      <c r="J15" s="19">
        <v>24240</v>
      </c>
      <c r="K15" s="19">
        <v>23132</v>
      </c>
    </row>
    <row r="16" spans="1:11" ht="15" customHeight="1">
      <c r="A16" s="17" t="s">
        <v>29</v>
      </c>
      <c r="B16" s="17"/>
      <c r="C16" s="13">
        <v>30172</v>
      </c>
      <c r="D16" s="19">
        <v>15487</v>
      </c>
      <c r="E16" s="19">
        <v>14685</v>
      </c>
      <c r="F16" s="19"/>
      <c r="G16" s="18" t="s">
        <v>30</v>
      </c>
      <c r="H16" s="17"/>
      <c r="I16" s="13">
        <v>44698</v>
      </c>
      <c r="J16" s="19">
        <v>23172</v>
      </c>
      <c r="K16" s="19">
        <v>21526</v>
      </c>
    </row>
    <row r="17" spans="1:11" ht="20.100000000000001" customHeight="1">
      <c r="A17" s="20" t="s">
        <v>31</v>
      </c>
      <c r="B17" s="20"/>
      <c r="C17" s="13">
        <v>157175</v>
      </c>
      <c r="D17" s="14">
        <v>80775</v>
      </c>
      <c r="E17" s="14">
        <v>76400</v>
      </c>
      <c r="F17" s="14"/>
      <c r="G17" s="18" t="s">
        <v>32</v>
      </c>
      <c r="H17" s="17"/>
      <c r="I17" s="13">
        <v>201063</v>
      </c>
      <c r="J17" s="14">
        <v>101929</v>
      </c>
      <c r="K17" s="14">
        <v>99134</v>
      </c>
    </row>
    <row r="18" spans="1:11" ht="15" customHeight="1">
      <c r="A18" s="17" t="s">
        <v>33</v>
      </c>
      <c r="B18" s="17"/>
      <c r="C18" s="13">
        <v>31207</v>
      </c>
      <c r="D18" s="19">
        <v>15941</v>
      </c>
      <c r="E18" s="19">
        <v>15266</v>
      </c>
      <c r="F18" s="19"/>
      <c r="G18" s="18" t="s">
        <v>34</v>
      </c>
      <c r="H18" s="17"/>
      <c r="I18" s="13">
        <v>43386</v>
      </c>
      <c r="J18" s="19">
        <v>22019</v>
      </c>
      <c r="K18" s="19">
        <v>21367</v>
      </c>
    </row>
    <row r="19" spans="1:11" ht="15" customHeight="1">
      <c r="A19" s="17" t="s">
        <v>35</v>
      </c>
      <c r="B19" s="17"/>
      <c r="C19" s="13">
        <v>31224</v>
      </c>
      <c r="D19" s="19">
        <v>15929</v>
      </c>
      <c r="E19" s="19">
        <v>15295</v>
      </c>
      <c r="F19" s="19"/>
      <c r="G19" s="18" t="s">
        <v>36</v>
      </c>
      <c r="H19" s="17"/>
      <c r="I19" s="13">
        <v>41566</v>
      </c>
      <c r="J19" s="19">
        <v>21420</v>
      </c>
      <c r="K19" s="19">
        <v>20146</v>
      </c>
    </row>
    <row r="20" spans="1:11" ht="15" customHeight="1">
      <c r="A20" s="17" t="s">
        <v>37</v>
      </c>
      <c r="B20" s="17"/>
      <c r="C20" s="13">
        <v>31462</v>
      </c>
      <c r="D20" s="19">
        <v>16244</v>
      </c>
      <c r="E20" s="19">
        <v>15218</v>
      </c>
      <c r="F20" s="19"/>
      <c r="G20" s="18" t="s">
        <v>38</v>
      </c>
      <c r="H20" s="17"/>
      <c r="I20" s="13">
        <v>40628</v>
      </c>
      <c r="J20" s="19">
        <v>20611</v>
      </c>
      <c r="K20" s="19">
        <v>20017</v>
      </c>
    </row>
    <row r="21" spans="1:11" ht="15" customHeight="1">
      <c r="A21" s="17" t="s">
        <v>39</v>
      </c>
      <c r="B21" s="17"/>
      <c r="C21" s="13">
        <v>31513</v>
      </c>
      <c r="D21" s="19">
        <v>16266</v>
      </c>
      <c r="E21" s="19">
        <v>15247</v>
      </c>
      <c r="F21" s="19"/>
      <c r="G21" s="18" t="s">
        <v>40</v>
      </c>
      <c r="H21" s="17"/>
      <c r="I21" s="13">
        <v>37521</v>
      </c>
      <c r="J21" s="19">
        <v>18761</v>
      </c>
      <c r="K21" s="19">
        <v>18760</v>
      </c>
    </row>
    <row r="22" spans="1:11" ht="15" customHeight="1">
      <c r="A22" s="17" t="s">
        <v>41</v>
      </c>
      <c r="B22" s="17"/>
      <c r="C22" s="13">
        <v>31769</v>
      </c>
      <c r="D22" s="19">
        <v>16395</v>
      </c>
      <c r="E22" s="19">
        <v>15374</v>
      </c>
      <c r="F22" s="19"/>
      <c r="G22" s="18" t="s">
        <v>42</v>
      </c>
      <c r="H22" s="17"/>
      <c r="I22" s="13">
        <v>37962</v>
      </c>
      <c r="J22" s="19">
        <v>19118</v>
      </c>
      <c r="K22" s="19">
        <v>18844</v>
      </c>
    </row>
    <row r="23" spans="1:11" ht="20.100000000000001" customHeight="1">
      <c r="A23" s="17" t="s">
        <v>43</v>
      </c>
      <c r="B23" s="17"/>
      <c r="C23" s="13">
        <v>165482</v>
      </c>
      <c r="D23" s="14">
        <v>84500</v>
      </c>
      <c r="E23" s="14">
        <v>80982</v>
      </c>
      <c r="F23" s="14"/>
      <c r="G23" s="18" t="s">
        <v>44</v>
      </c>
      <c r="H23" s="17"/>
      <c r="I23" s="13">
        <v>200169</v>
      </c>
      <c r="J23" s="14">
        <v>98831</v>
      </c>
      <c r="K23" s="14">
        <v>101338</v>
      </c>
    </row>
    <row r="24" spans="1:11" ht="15" customHeight="1">
      <c r="A24" s="17" t="s">
        <v>45</v>
      </c>
      <c r="B24" s="17"/>
      <c r="C24" s="13">
        <v>30365</v>
      </c>
      <c r="D24" s="19">
        <v>15542</v>
      </c>
      <c r="E24" s="19">
        <v>14823</v>
      </c>
      <c r="F24" s="19"/>
      <c r="G24" s="18" t="s">
        <v>46</v>
      </c>
      <c r="H24" s="17"/>
      <c r="I24" s="13">
        <v>38571</v>
      </c>
      <c r="J24" s="19">
        <v>19295</v>
      </c>
      <c r="K24" s="19">
        <v>19276</v>
      </c>
    </row>
    <row r="25" spans="1:11" ht="15" customHeight="1">
      <c r="A25" s="17" t="s">
        <v>47</v>
      </c>
      <c r="B25" s="17"/>
      <c r="C25" s="13">
        <v>32038</v>
      </c>
      <c r="D25" s="19">
        <v>16427</v>
      </c>
      <c r="E25" s="19">
        <v>15611</v>
      </c>
      <c r="F25" s="19"/>
      <c r="G25" s="18" t="s">
        <v>48</v>
      </c>
      <c r="H25" s="17"/>
      <c r="I25" s="13">
        <v>37923</v>
      </c>
      <c r="J25" s="19">
        <v>18807</v>
      </c>
      <c r="K25" s="19">
        <v>19116</v>
      </c>
    </row>
    <row r="26" spans="1:11" ht="15" customHeight="1">
      <c r="A26" s="17" t="s">
        <v>49</v>
      </c>
      <c r="B26" s="17"/>
      <c r="C26" s="13">
        <v>32470</v>
      </c>
      <c r="D26" s="19">
        <v>16636</v>
      </c>
      <c r="E26" s="19">
        <v>15834</v>
      </c>
      <c r="F26" s="19"/>
      <c r="G26" s="18" t="s">
        <v>50</v>
      </c>
      <c r="H26" s="17"/>
      <c r="I26" s="13">
        <v>38793</v>
      </c>
      <c r="J26" s="19">
        <v>18945</v>
      </c>
      <c r="K26" s="19">
        <v>19848</v>
      </c>
    </row>
    <row r="27" spans="1:11" ht="15" customHeight="1">
      <c r="A27" s="17" t="s">
        <v>51</v>
      </c>
      <c r="B27" s="17"/>
      <c r="C27" s="13">
        <v>33752</v>
      </c>
      <c r="D27" s="19">
        <v>16968</v>
      </c>
      <c r="E27" s="19">
        <v>16784</v>
      </c>
      <c r="F27" s="19"/>
      <c r="G27" s="18" t="s">
        <v>52</v>
      </c>
      <c r="H27" s="17"/>
      <c r="I27" s="13">
        <v>41827</v>
      </c>
      <c r="J27" s="19">
        <v>20544</v>
      </c>
      <c r="K27" s="19">
        <v>21283</v>
      </c>
    </row>
    <row r="28" spans="1:11" ht="15" customHeight="1">
      <c r="A28" s="17" t="s">
        <v>53</v>
      </c>
      <c r="B28" s="17"/>
      <c r="C28" s="13">
        <v>36857</v>
      </c>
      <c r="D28" s="19">
        <v>18927</v>
      </c>
      <c r="E28" s="19">
        <v>17930</v>
      </c>
      <c r="F28" s="19"/>
      <c r="G28" s="18" t="s">
        <v>54</v>
      </c>
      <c r="H28" s="17"/>
      <c r="I28" s="13">
        <v>43055</v>
      </c>
      <c r="J28" s="19">
        <v>21240</v>
      </c>
      <c r="K28" s="19">
        <v>21815</v>
      </c>
    </row>
    <row r="29" spans="1:11" ht="20.100000000000001" customHeight="1">
      <c r="A29" s="17" t="s">
        <v>55</v>
      </c>
      <c r="B29" s="17"/>
      <c r="C29" s="13">
        <v>200645</v>
      </c>
      <c r="D29" s="14">
        <v>101783</v>
      </c>
      <c r="E29" s="14">
        <v>98862</v>
      </c>
      <c r="F29" s="14"/>
      <c r="G29" s="18" t="s">
        <v>56</v>
      </c>
      <c r="H29" s="17"/>
      <c r="I29" s="13">
        <v>238599</v>
      </c>
      <c r="J29" s="14">
        <v>113330</v>
      </c>
      <c r="K29" s="14">
        <v>125269</v>
      </c>
    </row>
    <row r="30" spans="1:11" ht="15" customHeight="1">
      <c r="A30" s="17" t="s">
        <v>57</v>
      </c>
      <c r="B30" s="17"/>
      <c r="C30" s="13">
        <v>38567</v>
      </c>
      <c r="D30" s="19">
        <v>19623</v>
      </c>
      <c r="E30" s="19">
        <v>18944</v>
      </c>
      <c r="F30" s="19"/>
      <c r="G30" s="18" t="s">
        <v>58</v>
      </c>
      <c r="H30" s="17"/>
      <c r="I30" s="13">
        <v>46291</v>
      </c>
      <c r="J30" s="19">
        <v>22365</v>
      </c>
      <c r="K30" s="19">
        <v>23926</v>
      </c>
    </row>
    <row r="31" spans="1:11" ht="15" customHeight="1">
      <c r="A31" s="17" t="s">
        <v>59</v>
      </c>
      <c r="B31" s="17"/>
      <c r="C31" s="13">
        <v>39307</v>
      </c>
      <c r="D31" s="19">
        <v>19995</v>
      </c>
      <c r="E31" s="19">
        <v>19312</v>
      </c>
      <c r="F31" s="19"/>
      <c r="G31" s="18" t="s">
        <v>60</v>
      </c>
      <c r="H31" s="17"/>
      <c r="I31" s="13">
        <v>53234</v>
      </c>
      <c r="J31" s="19">
        <v>25468</v>
      </c>
      <c r="K31" s="19">
        <v>27766</v>
      </c>
    </row>
    <row r="32" spans="1:11" ht="15" customHeight="1">
      <c r="A32" s="17" t="s">
        <v>61</v>
      </c>
      <c r="B32" s="17"/>
      <c r="C32" s="13">
        <v>40783</v>
      </c>
      <c r="D32" s="19">
        <v>20848</v>
      </c>
      <c r="E32" s="19">
        <v>19935</v>
      </c>
      <c r="F32" s="19"/>
      <c r="G32" s="18" t="s">
        <v>62</v>
      </c>
      <c r="H32" s="17"/>
      <c r="I32" s="13">
        <v>51940</v>
      </c>
      <c r="J32" s="19">
        <v>24522</v>
      </c>
      <c r="K32" s="19">
        <v>27418</v>
      </c>
    </row>
    <row r="33" spans="1:11" ht="15" customHeight="1">
      <c r="A33" s="17" t="s">
        <v>63</v>
      </c>
      <c r="B33" s="17"/>
      <c r="C33" s="13">
        <v>41176</v>
      </c>
      <c r="D33" s="19">
        <v>20701</v>
      </c>
      <c r="E33" s="19">
        <v>20475</v>
      </c>
      <c r="F33" s="19"/>
      <c r="G33" s="18" t="s">
        <v>64</v>
      </c>
      <c r="H33" s="17"/>
      <c r="I33" s="13">
        <v>51946</v>
      </c>
      <c r="J33" s="19">
        <v>24591</v>
      </c>
      <c r="K33" s="19">
        <v>27355</v>
      </c>
    </row>
    <row r="34" spans="1:11" ht="15" customHeight="1">
      <c r="A34" s="17" t="s">
        <v>65</v>
      </c>
      <c r="B34" s="17"/>
      <c r="C34" s="13">
        <v>40812</v>
      </c>
      <c r="D34" s="19">
        <v>20616</v>
      </c>
      <c r="E34" s="19">
        <v>20196</v>
      </c>
      <c r="F34" s="19"/>
      <c r="G34" s="18" t="s">
        <v>66</v>
      </c>
      <c r="H34" s="17"/>
      <c r="I34" s="13">
        <v>35188</v>
      </c>
      <c r="J34" s="19">
        <v>16384</v>
      </c>
      <c r="K34" s="19">
        <v>18804</v>
      </c>
    </row>
    <row r="35" spans="1:11" ht="20.100000000000001" customHeight="1">
      <c r="A35" s="17" t="s">
        <v>67</v>
      </c>
      <c r="B35" s="17"/>
      <c r="C35" s="13">
        <v>196859</v>
      </c>
      <c r="D35" s="14">
        <v>100236</v>
      </c>
      <c r="E35" s="14">
        <v>96623</v>
      </c>
      <c r="F35" s="14"/>
      <c r="G35" s="18" t="s">
        <v>68</v>
      </c>
      <c r="H35" s="17"/>
      <c r="I35" s="13">
        <v>187078</v>
      </c>
      <c r="J35" s="14">
        <v>83590</v>
      </c>
      <c r="K35" s="14">
        <v>103488</v>
      </c>
    </row>
    <row r="36" spans="1:11" ht="15" customHeight="1">
      <c r="A36" s="17" t="s">
        <v>69</v>
      </c>
      <c r="B36" s="17"/>
      <c r="C36" s="13">
        <v>40239</v>
      </c>
      <c r="D36" s="19">
        <v>20456</v>
      </c>
      <c r="E36" s="19">
        <v>19783</v>
      </c>
      <c r="F36" s="19"/>
      <c r="G36" s="18" t="s">
        <v>70</v>
      </c>
      <c r="H36" s="17"/>
      <c r="I36" s="13">
        <v>31935</v>
      </c>
      <c r="J36" s="19">
        <v>14671</v>
      </c>
      <c r="K36" s="19">
        <v>17264</v>
      </c>
    </row>
    <row r="37" spans="1:11" ht="15" customHeight="1">
      <c r="A37" s="17" t="s">
        <v>71</v>
      </c>
      <c r="B37" s="17"/>
      <c r="C37" s="13">
        <v>40885</v>
      </c>
      <c r="D37" s="19">
        <v>20776</v>
      </c>
      <c r="E37" s="19">
        <v>20109</v>
      </c>
      <c r="F37" s="19"/>
      <c r="G37" s="18" t="s">
        <v>72</v>
      </c>
      <c r="H37" s="17"/>
      <c r="I37" s="13">
        <v>38553</v>
      </c>
      <c r="J37" s="19">
        <v>17362</v>
      </c>
      <c r="K37" s="19">
        <v>21191</v>
      </c>
    </row>
    <row r="38" spans="1:11" ht="15" customHeight="1">
      <c r="A38" s="17" t="s">
        <v>73</v>
      </c>
      <c r="B38" s="17"/>
      <c r="C38" s="13">
        <v>38656</v>
      </c>
      <c r="D38" s="19">
        <v>19671</v>
      </c>
      <c r="E38" s="19">
        <v>18985</v>
      </c>
      <c r="F38" s="19"/>
      <c r="G38" s="18" t="s">
        <v>74</v>
      </c>
      <c r="H38" s="17"/>
      <c r="I38" s="13">
        <v>40468</v>
      </c>
      <c r="J38" s="19">
        <v>18019</v>
      </c>
      <c r="K38" s="19">
        <v>22449</v>
      </c>
    </row>
    <row r="39" spans="1:11" ht="15" customHeight="1">
      <c r="A39" s="17" t="s">
        <v>75</v>
      </c>
      <c r="B39" s="17"/>
      <c r="C39" s="13">
        <v>38399</v>
      </c>
      <c r="D39" s="19">
        <v>19614</v>
      </c>
      <c r="E39" s="19">
        <v>18785</v>
      </c>
      <c r="F39" s="19"/>
      <c r="G39" s="18" t="s">
        <v>76</v>
      </c>
      <c r="H39" s="17"/>
      <c r="I39" s="13">
        <v>38302</v>
      </c>
      <c r="J39" s="19">
        <v>17008</v>
      </c>
      <c r="K39" s="19">
        <v>21294</v>
      </c>
    </row>
    <row r="40" spans="1:11" ht="15" customHeight="1">
      <c r="A40" s="17" t="s">
        <v>77</v>
      </c>
      <c r="B40" s="17"/>
      <c r="C40" s="13">
        <v>38680</v>
      </c>
      <c r="D40" s="19">
        <v>19719</v>
      </c>
      <c r="E40" s="19">
        <v>18961</v>
      </c>
      <c r="F40" s="19"/>
      <c r="G40" s="18" t="s">
        <v>78</v>
      </c>
      <c r="H40" s="17"/>
      <c r="I40" s="13">
        <v>37820</v>
      </c>
      <c r="J40" s="19">
        <v>16530</v>
      </c>
      <c r="K40" s="19">
        <v>21290</v>
      </c>
    </row>
    <row r="41" spans="1:11" ht="20.100000000000001" customHeight="1">
      <c r="A41" s="17" t="s">
        <v>79</v>
      </c>
      <c r="B41" s="17"/>
      <c r="C41" s="13">
        <v>199702</v>
      </c>
      <c r="D41" s="14">
        <v>101851</v>
      </c>
      <c r="E41" s="14">
        <v>97851</v>
      </c>
      <c r="F41" s="14"/>
      <c r="G41" s="18" t="s">
        <v>80</v>
      </c>
      <c r="H41" s="17"/>
      <c r="I41" s="13">
        <v>144387</v>
      </c>
      <c r="J41" s="14">
        <v>61337</v>
      </c>
      <c r="K41" s="14">
        <v>83050</v>
      </c>
    </row>
    <row r="42" spans="1:11" ht="15" customHeight="1">
      <c r="A42" s="17" t="s">
        <v>81</v>
      </c>
      <c r="B42" s="17"/>
      <c r="C42" s="13">
        <v>38674</v>
      </c>
      <c r="D42" s="19">
        <v>19819</v>
      </c>
      <c r="E42" s="19">
        <v>18855</v>
      </c>
      <c r="F42" s="19"/>
      <c r="G42" s="18" t="s">
        <v>82</v>
      </c>
      <c r="H42" s="17"/>
      <c r="I42" s="13">
        <v>34067</v>
      </c>
      <c r="J42" s="19">
        <v>14741</v>
      </c>
      <c r="K42" s="19">
        <v>19326</v>
      </c>
    </row>
    <row r="43" spans="1:11" ht="15" customHeight="1">
      <c r="A43" s="17" t="s">
        <v>83</v>
      </c>
      <c r="B43" s="17"/>
      <c r="C43" s="13">
        <v>38223</v>
      </c>
      <c r="D43" s="19">
        <v>19383</v>
      </c>
      <c r="E43" s="19">
        <v>18840</v>
      </c>
      <c r="F43" s="19"/>
      <c r="G43" s="18" t="s">
        <v>84</v>
      </c>
      <c r="H43" s="17"/>
      <c r="I43" s="13">
        <v>29095</v>
      </c>
      <c r="J43" s="19">
        <v>12550</v>
      </c>
      <c r="K43" s="19">
        <v>16545</v>
      </c>
    </row>
    <row r="44" spans="1:11" ht="15" customHeight="1">
      <c r="A44" s="17" t="s">
        <v>85</v>
      </c>
      <c r="B44" s="17"/>
      <c r="C44" s="13">
        <v>40981</v>
      </c>
      <c r="D44" s="19">
        <v>20873</v>
      </c>
      <c r="E44" s="19">
        <v>20108</v>
      </c>
      <c r="F44" s="19"/>
      <c r="G44" s="18" t="s">
        <v>86</v>
      </c>
      <c r="H44" s="17"/>
      <c r="I44" s="13">
        <v>26878</v>
      </c>
      <c r="J44" s="19">
        <v>11715</v>
      </c>
      <c r="K44" s="19">
        <v>15163</v>
      </c>
    </row>
    <row r="45" spans="1:11" ht="15" customHeight="1">
      <c r="A45" s="17" t="s">
        <v>87</v>
      </c>
      <c r="B45" s="17"/>
      <c r="C45" s="13">
        <v>40524</v>
      </c>
      <c r="D45" s="19">
        <v>20780</v>
      </c>
      <c r="E45" s="19">
        <v>19744</v>
      </c>
      <c r="F45" s="19"/>
      <c r="G45" s="18" t="s">
        <v>88</v>
      </c>
      <c r="H45" s="17"/>
      <c r="I45" s="13">
        <v>28452</v>
      </c>
      <c r="J45" s="19">
        <v>11884</v>
      </c>
      <c r="K45" s="19">
        <v>16568</v>
      </c>
    </row>
    <row r="46" spans="1:11" ht="15" customHeight="1">
      <c r="A46" s="17" t="s">
        <v>89</v>
      </c>
      <c r="B46" s="17"/>
      <c r="C46" s="13">
        <v>41300</v>
      </c>
      <c r="D46" s="19">
        <v>20996</v>
      </c>
      <c r="E46" s="19">
        <v>20304</v>
      </c>
      <c r="F46" s="19"/>
      <c r="G46" s="18" t="s">
        <v>90</v>
      </c>
      <c r="H46" s="17"/>
      <c r="I46" s="13">
        <v>25895</v>
      </c>
      <c r="J46" s="19">
        <v>10447</v>
      </c>
      <c r="K46" s="19">
        <v>15448</v>
      </c>
    </row>
    <row r="47" spans="1:11" ht="20.100000000000001" customHeight="1">
      <c r="A47" s="17" t="s">
        <v>91</v>
      </c>
      <c r="B47" s="17"/>
      <c r="C47" s="13">
        <v>227024</v>
      </c>
      <c r="D47" s="14">
        <v>115681</v>
      </c>
      <c r="E47" s="14">
        <v>111343</v>
      </c>
      <c r="F47" s="14"/>
      <c r="G47" s="18" t="s">
        <v>92</v>
      </c>
      <c r="H47" s="17"/>
      <c r="I47" s="13">
        <v>96215</v>
      </c>
      <c r="J47" s="14">
        <v>35928</v>
      </c>
      <c r="K47" s="14">
        <v>60287</v>
      </c>
    </row>
    <row r="48" spans="1:11" ht="15" customHeight="1">
      <c r="A48" s="17" t="s">
        <v>93</v>
      </c>
      <c r="B48" s="17"/>
      <c r="C48" s="13">
        <v>43190</v>
      </c>
      <c r="D48" s="19">
        <v>21849</v>
      </c>
      <c r="E48" s="19">
        <v>21341</v>
      </c>
      <c r="F48" s="19"/>
      <c r="G48" s="18" t="s">
        <v>94</v>
      </c>
      <c r="H48" s="17"/>
      <c r="I48" s="13">
        <v>25013</v>
      </c>
      <c r="J48" s="19">
        <v>9997</v>
      </c>
      <c r="K48" s="19">
        <v>15016</v>
      </c>
    </row>
    <row r="49" spans="1:11" ht="15" customHeight="1">
      <c r="A49" s="17" t="s">
        <v>95</v>
      </c>
      <c r="B49" s="17"/>
      <c r="C49" s="13">
        <v>45249</v>
      </c>
      <c r="D49" s="19">
        <v>23211</v>
      </c>
      <c r="E49" s="19">
        <v>22038</v>
      </c>
      <c r="F49" s="19"/>
      <c r="G49" s="18" t="s">
        <v>96</v>
      </c>
      <c r="H49" s="17"/>
      <c r="I49" s="13">
        <v>20570</v>
      </c>
      <c r="J49" s="19">
        <v>7934</v>
      </c>
      <c r="K49" s="19">
        <v>12636</v>
      </c>
    </row>
    <row r="50" spans="1:11" ht="15" customHeight="1">
      <c r="A50" s="17" t="s">
        <v>97</v>
      </c>
      <c r="B50" s="17"/>
      <c r="C50" s="13">
        <v>45929</v>
      </c>
      <c r="D50" s="19">
        <v>23382</v>
      </c>
      <c r="E50" s="19">
        <v>22547</v>
      </c>
      <c r="F50" s="19"/>
      <c r="G50" s="18" t="s">
        <v>98</v>
      </c>
      <c r="H50" s="17"/>
      <c r="I50" s="13">
        <v>19083</v>
      </c>
      <c r="J50" s="19">
        <v>6988</v>
      </c>
      <c r="K50" s="19">
        <v>12095</v>
      </c>
    </row>
    <row r="51" spans="1:11" ht="15" customHeight="1">
      <c r="A51" s="17" t="s">
        <v>99</v>
      </c>
      <c r="B51" s="17"/>
      <c r="C51" s="13">
        <v>46073</v>
      </c>
      <c r="D51" s="19">
        <v>23519</v>
      </c>
      <c r="E51" s="19">
        <v>22554</v>
      </c>
      <c r="F51" s="19"/>
      <c r="G51" s="18" t="s">
        <v>100</v>
      </c>
      <c r="H51" s="17"/>
      <c r="I51" s="13">
        <v>16981</v>
      </c>
      <c r="J51" s="19">
        <v>6073</v>
      </c>
      <c r="K51" s="19">
        <v>10908</v>
      </c>
    </row>
    <row r="52" spans="1:11" ht="15" customHeight="1">
      <c r="A52" s="17" t="s">
        <v>101</v>
      </c>
      <c r="B52" s="17"/>
      <c r="C52" s="13">
        <v>46583</v>
      </c>
      <c r="D52" s="19">
        <v>23720</v>
      </c>
      <c r="E52" s="19">
        <v>22863</v>
      </c>
      <c r="F52" s="19"/>
      <c r="G52" s="18" t="s">
        <v>102</v>
      </c>
      <c r="H52" s="17"/>
      <c r="I52" s="13">
        <v>14568</v>
      </c>
      <c r="J52" s="19">
        <v>4936</v>
      </c>
      <c r="K52" s="19">
        <v>9632</v>
      </c>
    </row>
    <row r="53" spans="1:11" ht="20.100000000000001" customHeight="1">
      <c r="A53" s="17" t="s">
        <v>103</v>
      </c>
      <c r="B53" s="17"/>
      <c r="C53" s="13">
        <v>257864</v>
      </c>
      <c r="D53" s="14">
        <v>130909</v>
      </c>
      <c r="E53" s="14">
        <v>126955</v>
      </c>
      <c r="F53" s="14"/>
      <c r="G53" s="18" t="s">
        <v>104</v>
      </c>
      <c r="H53" s="17"/>
      <c r="I53" s="13">
        <v>42521</v>
      </c>
      <c r="J53" s="14">
        <v>12707</v>
      </c>
      <c r="K53" s="14">
        <v>29814</v>
      </c>
    </row>
    <row r="54" spans="1:11" ht="15" customHeight="1">
      <c r="A54" s="17" t="s">
        <v>105</v>
      </c>
      <c r="B54" s="17"/>
      <c r="C54" s="13">
        <v>47762</v>
      </c>
      <c r="D54" s="19">
        <v>24038</v>
      </c>
      <c r="E54" s="19">
        <v>23724</v>
      </c>
      <c r="F54" s="19"/>
      <c r="G54" s="18" t="s">
        <v>106</v>
      </c>
      <c r="H54" s="17"/>
      <c r="I54" s="13">
        <v>12215</v>
      </c>
      <c r="J54" s="19">
        <v>3988</v>
      </c>
      <c r="K54" s="19">
        <v>8227</v>
      </c>
    </row>
    <row r="55" spans="1:11" ht="15" customHeight="1">
      <c r="A55" s="17" t="s">
        <v>107</v>
      </c>
      <c r="B55" s="17"/>
      <c r="C55" s="13">
        <v>49671</v>
      </c>
      <c r="D55" s="19">
        <v>25316</v>
      </c>
      <c r="E55" s="19">
        <v>24355</v>
      </c>
      <c r="F55" s="19"/>
      <c r="G55" s="18" t="s">
        <v>108</v>
      </c>
      <c r="H55" s="17"/>
      <c r="I55" s="13">
        <v>10178</v>
      </c>
      <c r="J55" s="19">
        <v>3091</v>
      </c>
      <c r="K55" s="19">
        <v>7087</v>
      </c>
    </row>
    <row r="56" spans="1:11" ht="15" customHeight="1">
      <c r="A56" s="17" t="s">
        <v>109</v>
      </c>
      <c r="B56" s="17"/>
      <c r="C56" s="13">
        <v>51437</v>
      </c>
      <c r="D56" s="19">
        <v>26200</v>
      </c>
      <c r="E56" s="19">
        <v>25237</v>
      </c>
      <c r="F56" s="19"/>
      <c r="G56" s="18" t="s">
        <v>110</v>
      </c>
      <c r="H56" s="17"/>
      <c r="I56" s="13">
        <v>8658</v>
      </c>
      <c r="J56" s="19">
        <v>2493</v>
      </c>
      <c r="K56" s="19">
        <v>6165</v>
      </c>
    </row>
    <row r="57" spans="1:11" ht="15" customHeight="1">
      <c r="A57" s="17" t="s">
        <v>111</v>
      </c>
      <c r="B57" s="17"/>
      <c r="C57" s="13">
        <v>53436</v>
      </c>
      <c r="D57" s="19">
        <v>27284</v>
      </c>
      <c r="E57" s="19">
        <v>26152</v>
      </c>
      <c r="F57" s="19"/>
      <c r="G57" s="18" t="s">
        <v>112</v>
      </c>
      <c r="H57" s="17"/>
      <c r="I57" s="13">
        <v>6372</v>
      </c>
      <c r="J57" s="19">
        <v>1775</v>
      </c>
      <c r="K57" s="19">
        <v>4597</v>
      </c>
    </row>
    <row r="58" spans="1:11" ht="15" customHeight="1">
      <c r="A58" s="17" t="s">
        <v>113</v>
      </c>
      <c r="B58" s="17"/>
      <c r="C58" s="13">
        <v>55558</v>
      </c>
      <c r="D58" s="19">
        <v>28071</v>
      </c>
      <c r="E58" s="19">
        <v>27487</v>
      </c>
      <c r="F58" s="19"/>
      <c r="G58" s="18" t="s">
        <v>114</v>
      </c>
      <c r="H58" s="17"/>
      <c r="I58" s="13">
        <v>5098</v>
      </c>
      <c r="J58" s="19">
        <v>1360</v>
      </c>
      <c r="K58" s="19">
        <v>3738</v>
      </c>
    </row>
    <row r="59" spans="1:11" ht="20.100000000000001" customHeight="1">
      <c r="A59" s="17" t="s">
        <v>115</v>
      </c>
      <c r="B59" s="17"/>
      <c r="C59" s="13">
        <v>313360</v>
      </c>
      <c r="D59" s="14">
        <v>157759</v>
      </c>
      <c r="E59" s="14">
        <v>155601</v>
      </c>
      <c r="F59" s="14"/>
      <c r="G59" s="18" t="s">
        <v>116</v>
      </c>
      <c r="H59" s="17"/>
      <c r="I59" s="13">
        <v>11178</v>
      </c>
      <c r="J59" s="14">
        <v>2277</v>
      </c>
      <c r="K59" s="14">
        <v>8901</v>
      </c>
    </row>
    <row r="60" spans="1:11" ht="15" customHeight="1">
      <c r="A60" s="17" t="s">
        <v>117</v>
      </c>
      <c r="B60" s="17"/>
      <c r="C60" s="13">
        <v>57324</v>
      </c>
      <c r="D60" s="19">
        <v>29117</v>
      </c>
      <c r="E60" s="19">
        <v>28207</v>
      </c>
      <c r="F60" s="19"/>
      <c r="G60" s="18" t="s">
        <v>118</v>
      </c>
      <c r="H60" s="17"/>
      <c r="I60" s="13">
        <v>4089</v>
      </c>
      <c r="J60" s="19">
        <v>954</v>
      </c>
      <c r="K60" s="19">
        <v>3135</v>
      </c>
    </row>
    <row r="61" spans="1:11" ht="15" customHeight="1">
      <c r="A61" s="17" t="s">
        <v>119</v>
      </c>
      <c r="B61" s="17"/>
      <c r="C61" s="13">
        <v>61708</v>
      </c>
      <c r="D61" s="19">
        <v>31160</v>
      </c>
      <c r="E61" s="19">
        <v>30548</v>
      </c>
      <c r="F61" s="19"/>
      <c r="G61" s="18" t="s">
        <v>120</v>
      </c>
      <c r="H61" s="17"/>
      <c r="I61" s="13">
        <v>2762</v>
      </c>
      <c r="J61" s="19">
        <v>570</v>
      </c>
      <c r="K61" s="19">
        <v>2192</v>
      </c>
    </row>
    <row r="62" spans="1:11" ht="15" customHeight="1">
      <c r="A62" s="17" t="s">
        <v>121</v>
      </c>
      <c r="B62" s="17"/>
      <c r="C62" s="13">
        <v>65103</v>
      </c>
      <c r="D62" s="19">
        <v>32702</v>
      </c>
      <c r="E62" s="19">
        <v>32401</v>
      </c>
      <c r="F62" s="19"/>
      <c r="G62" s="18" t="s">
        <v>122</v>
      </c>
      <c r="H62" s="17"/>
      <c r="I62" s="13">
        <v>1901</v>
      </c>
      <c r="J62" s="19">
        <v>357</v>
      </c>
      <c r="K62" s="19">
        <v>1544</v>
      </c>
    </row>
    <row r="63" spans="1:11" ht="15" customHeight="1">
      <c r="A63" s="17" t="s">
        <v>123</v>
      </c>
      <c r="B63" s="17"/>
      <c r="C63" s="13">
        <v>64764</v>
      </c>
      <c r="D63" s="19">
        <v>32522</v>
      </c>
      <c r="E63" s="19">
        <v>32242</v>
      </c>
      <c r="F63" s="19"/>
      <c r="G63" s="18" t="s">
        <v>124</v>
      </c>
      <c r="H63" s="17"/>
      <c r="I63" s="13">
        <v>1372</v>
      </c>
      <c r="J63" s="19">
        <v>235</v>
      </c>
      <c r="K63" s="19">
        <v>1137</v>
      </c>
    </row>
    <row r="64" spans="1:11" ht="15" customHeight="1">
      <c r="A64" s="17" t="s">
        <v>125</v>
      </c>
      <c r="B64" s="17"/>
      <c r="C64" s="13">
        <v>64461</v>
      </c>
      <c r="D64" s="19">
        <v>32258</v>
      </c>
      <c r="E64" s="19">
        <v>32203</v>
      </c>
      <c r="F64" s="19"/>
      <c r="G64" s="18" t="s">
        <v>126</v>
      </c>
      <c r="H64" s="17"/>
      <c r="I64" s="13">
        <v>1054</v>
      </c>
      <c r="J64" s="19">
        <v>161</v>
      </c>
      <c r="K64" s="19">
        <v>89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717</v>
      </c>
      <c r="J65" s="19">
        <v>233</v>
      </c>
      <c r="K65" s="19">
        <v>148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98789</v>
      </c>
      <c r="J66" s="29">
        <v>53720</v>
      </c>
      <c r="K66" s="29">
        <v>45069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13402</v>
      </c>
      <c r="D4" s="14">
        <v>104693</v>
      </c>
      <c r="E4" s="14">
        <v>10870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749</v>
      </c>
      <c r="D5" s="14">
        <v>4481</v>
      </c>
      <c r="E5" s="14">
        <v>4268</v>
      </c>
      <c r="F5" s="14"/>
      <c r="G5" s="18" t="s">
        <v>8</v>
      </c>
      <c r="H5" s="17"/>
      <c r="I5" s="13">
        <v>19648</v>
      </c>
      <c r="J5" s="14">
        <v>9820</v>
      </c>
      <c r="K5" s="14">
        <v>9828</v>
      </c>
    </row>
    <row r="6" spans="1:11" ht="15" customHeight="1">
      <c r="A6" s="17" t="s">
        <v>9</v>
      </c>
      <c r="B6" s="17"/>
      <c r="C6" s="13">
        <v>1568</v>
      </c>
      <c r="D6" s="19">
        <v>849</v>
      </c>
      <c r="E6" s="19">
        <v>719</v>
      </c>
      <c r="F6" s="19"/>
      <c r="G6" s="18" t="s">
        <v>10</v>
      </c>
      <c r="H6" s="17"/>
      <c r="I6" s="13">
        <v>4134</v>
      </c>
      <c r="J6" s="19">
        <v>2032</v>
      </c>
      <c r="K6" s="19">
        <v>2102</v>
      </c>
    </row>
    <row r="7" spans="1:11" ht="15" customHeight="1">
      <c r="A7" s="17" t="s">
        <v>11</v>
      </c>
      <c r="B7" s="17"/>
      <c r="C7" s="13">
        <v>1573</v>
      </c>
      <c r="D7" s="19">
        <v>806</v>
      </c>
      <c r="E7" s="19">
        <v>767</v>
      </c>
      <c r="F7" s="19"/>
      <c r="G7" s="18" t="s">
        <v>12</v>
      </c>
      <c r="H7" s="17"/>
      <c r="I7" s="13">
        <v>4112</v>
      </c>
      <c r="J7" s="19">
        <v>2049</v>
      </c>
      <c r="K7" s="19">
        <v>2063</v>
      </c>
    </row>
    <row r="8" spans="1:11" ht="15" customHeight="1">
      <c r="A8" s="17" t="s">
        <v>13</v>
      </c>
      <c r="B8" s="17"/>
      <c r="C8" s="13">
        <v>1751</v>
      </c>
      <c r="D8" s="19">
        <v>874</v>
      </c>
      <c r="E8" s="19">
        <v>877</v>
      </c>
      <c r="F8" s="19"/>
      <c r="G8" s="18" t="s">
        <v>14</v>
      </c>
      <c r="H8" s="17"/>
      <c r="I8" s="13">
        <v>4196</v>
      </c>
      <c r="J8" s="19">
        <v>2126</v>
      </c>
      <c r="K8" s="19">
        <v>2070</v>
      </c>
    </row>
    <row r="9" spans="1:11" ht="15" customHeight="1">
      <c r="A9" s="17" t="s">
        <v>15</v>
      </c>
      <c r="B9" s="17"/>
      <c r="C9" s="13">
        <v>1883</v>
      </c>
      <c r="D9" s="19">
        <v>952</v>
      </c>
      <c r="E9" s="19">
        <v>931</v>
      </c>
      <c r="F9" s="19"/>
      <c r="G9" s="18" t="s">
        <v>16</v>
      </c>
      <c r="H9" s="17"/>
      <c r="I9" s="13">
        <v>4227</v>
      </c>
      <c r="J9" s="19">
        <v>2127</v>
      </c>
      <c r="K9" s="19">
        <v>2100</v>
      </c>
    </row>
    <row r="10" spans="1:11" ht="15" customHeight="1">
      <c r="A10" s="17" t="s">
        <v>17</v>
      </c>
      <c r="B10" s="17"/>
      <c r="C10" s="13">
        <v>1974</v>
      </c>
      <c r="D10" s="19">
        <v>1000</v>
      </c>
      <c r="E10" s="19">
        <v>974</v>
      </c>
      <c r="F10" s="19"/>
      <c r="G10" s="18" t="s">
        <v>18</v>
      </c>
      <c r="H10" s="17"/>
      <c r="I10" s="13">
        <v>2979</v>
      </c>
      <c r="J10" s="19">
        <v>1486</v>
      </c>
      <c r="K10" s="19">
        <v>1493</v>
      </c>
    </row>
    <row r="11" spans="1:11" ht="20.100000000000001" customHeight="1">
      <c r="A11" s="17" t="s">
        <v>19</v>
      </c>
      <c r="B11" s="17"/>
      <c r="C11" s="13">
        <v>11109</v>
      </c>
      <c r="D11" s="14">
        <v>5711</v>
      </c>
      <c r="E11" s="14">
        <v>5398</v>
      </c>
      <c r="F11" s="14"/>
      <c r="G11" s="18" t="s">
        <v>20</v>
      </c>
      <c r="H11" s="17"/>
      <c r="I11" s="13">
        <v>16193</v>
      </c>
      <c r="J11" s="14">
        <v>8434</v>
      </c>
      <c r="K11" s="14">
        <v>7759</v>
      </c>
    </row>
    <row r="12" spans="1:11" ht="15" customHeight="1">
      <c r="A12" s="17" t="s">
        <v>21</v>
      </c>
      <c r="B12" s="17"/>
      <c r="C12" s="13">
        <v>2139</v>
      </c>
      <c r="D12" s="19">
        <v>1127</v>
      </c>
      <c r="E12" s="19">
        <v>1012</v>
      </c>
      <c r="F12" s="19"/>
      <c r="G12" s="18" t="s">
        <v>22</v>
      </c>
      <c r="H12" s="17"/>
      <c r="I12" s="13">
        <v>3843</v>
      </c>
      <c r="J12" s="19">
        <v>1984</v>
      </c>
      <c r="K12" s="19">
        <v>1859</v>
      </c>
    </row>
    <row r="13" spans="1:11" ht="15" customHeight="1">
      <c r="A13" s="17" t="s">
        <v>23</v>
      </c>
      <c r="B13" s="17"/>
      <c r="C13" s="13">
        <v>2178</v>
      </c>
      <c r="D13" s="19">
        <v>1067</v>
      </c>
      <c r="E13" s="19">
        <v>1111</v>
      </c>
      <c r="F13" s="19"/>
      <c r="G13" s="18" t="s">
        <v>24</v>
      </c>
      <c r="H13" s="17"/>
      <c r="I13" s="13">
        <v>3599</v>
      </c>
      <c r="J13" s="19">
        <v>1862</v>
      </c>
      <c r="K13" s="19">
        <v>1737</v>
      </c>
    </row>
    <row r="14" spans="1:11" ht="15" customHeight="1">
      <c r="A14" s="17" t="s">
        <v>25</v>
      </c>
      <c r="B14" s="17"/>
      <c r="C14" s="13">
        <v>2220</v>
      </c>
      <c r="D14" s="19">
        <v>1165</v>
      </c>
      <c r="E14" s="19">
        <v>1055</v>
      </c>
      <c r="F14" s="19"/>
      <c r="G14" s="18" t="s">
        <v>26</v>
      </c>
      <c r="H14" s="17"/>
      <c r="I14" s="13">
        <v>3218</v>
      </c>
      <c r="J14" s="19">
        <v>1712</v>
      </c>
      <c r="K14" s="19">
        <v>1506</v>
      </c>
    </row>
    <row r="15" spans="1:11" ht="15" customHeight="1">
      <c r="A15" s="17" t="s">
        <v>27</v>
      </c>
      <c r="B15" s="17"/>
      <c r="C15" s="13">
        <v>2223</v>
      </c>
      <c r="D15" s="19">
        <v>1136</v>
      </c>
      <c r="E15" s="19">
        <v>1087</v>
      </c>
      <c r="F15" s="19"/>
      <c r="G15" s="18" t="s">
        <v>28</v>
      </c>
      <c r="H15" s="17"/>
      <c r="I15" s="13">
        <v>2858</v>
      </c>
      <c r="J15" s="19">
        <v>1463</v>
      </c>
      <c r="K15" s="19">
        <v>1395</v>
      </c>
    </row>
    <row r="16" spans="1:11" ht="15" customHeight="1">
      <c r="A16" s="17" t="s">
        <v>29</v>
      </c>
      <c r="B16" s="17"/>
      <c r="C16" s="13">
        <v>2349</v>
      </c>
      <c r="D16" s="19">
        <v>1216</v>
      </c>
      <c r="E16" s="19">
        <v>1133</v>
      </c>
      <c r="F16" s="19"/>
      <c r="G16" s="18" t="s">
        <v>30</v>
      </c>
      <c r="H16" s="17"/>
      <c r="I16" s="13">
        <v>2675</v>
      </c>
      <c r="J16" s="19">
        <v>1413</v>
      </c>
      <c r="K16" s="19">
        <v>1262</v>
      </c>
    </row>
    <row r="17" spans="1:11" ht="20.100000000000001" customHeight="1">
      <c r="A17" s="20" t="s">
        <v>31</v>
      </c>
      <c r="B17" s="20"/>
      <c r="C17" s="13">
        <v>11868</v>
      </c>
      <c r="D17" s="14">
        <v>6140</v>
      </c>
      <c r="E17" s="14">
        <v>5728</v>
      </c>
      <c r="F17" s="14"/>
      <c r="G17" s="18" t="s">
        <v>32</v>
      </c>
      <c r="H17" s="17"/>
      <c r="I17" s="13">
        <v>10728</v>
      </c>
      <c r="J17" s="14">
        <v>5632</v>
      </c>
      <c r="K17" s="14">
        <v>5096</v>
      </c>
    </row>
    <row r="18" spans="1:11" ht="15" customHeight="1">
      <c r="A18" s="17" t="s">
        <v>33</v>
      </c>
      <c r="B18" s="17"/>
      <c r="C18" s="13">
        <v>2342</v>
      </c>
      <c r="D18" s="19">
        <v>1238</v>
      </c>
      <c r="E18" s="19">
        <v>1104</v>
      </c>
      <c r="F18" s="19"/>
      <c r="G18" s="18" t="s">
        <v>34</v>
      </c>
      <c r="H18" s="17"/>
      <c r="I18" s="13">
        <v>2429</v>
      </c>
      <c r="J18" s="19">
        <v>1288</v>
      </c>
      <c r="K18" s="19">
        <v>1141</v>
      </c>
    </row>
    <row r="19" spans="1:11" ht="15" customHeight="1">
      <c r="A19" s="17" t="s">
        <v>35</v>
      </c>
      <c r="B19" s="17"/>
      <c r="C19" s="13">
        <v>2411</v>
      </c>
      <c r="D19" s="19">
        <v>1242</v>
      </c>
      <c r="E19" s="19">
        <v>1169</v>
      </c>
      <c r="F19" s="19"/>
      <c r="G19" s="18" t="s">
        <v>36</v>
      </c>
      <c r="H19" s="17"/>
      <c r="I19" s="13">
        <v>2281</v>
      </c>
      <c r="J19" s="19">
        <v>1209</v>
      </c>
      <c r="K19" s="19">
        <v>1072</v>
      </c>
    </row>
    <row r="20" spans="1:11" ht="15" customHeight="1">
      <c r="A20" s="17" t="s">
        <v>37</v>
      </c>
      <c r="B20" s="17"/>
      <c r="C20" s="13">
        <v>2300</v>
      </c>
      <c r="D20" s="19">
        <v>1129</v>
      </c>
      <c r="E20" s="19">
        <v>1171</v>
      </c>
      <c r="F20" s="19"/>
      <c r="G20" s="18" t="s">
        <v>38</v>
      </c>
      <c r="H20" s="17"/>
      <c r="I20" s="13">
        <v>2217</v>
      </c>
      <c r="J20" s="19">
        <v>1189</v>
      </c>
      <c r="K20" s="19">
        <v>1028</v>
      </c>
    </row>
    <row r="21" spans="1:11" ht="15" customHeight="1">
      <c r="A21" s="17" t="s">
        <v>39</v>
      </c>
      <c r="B21" s="17"/>
      <c r="C21" s="13">
        <v>2404</v>
      </c>
      <c r="D21" s="19">
        <v>1269</v>
      </c>
      <c r="E21" s="19">
        <v>1135</v>
      </c>
      <c r="F21" s="19"/>
      <c r="G21" s="18" t="s">
        <v>40</v>
      </c>
      <c r="H21" s="17"/>
      <c r="I21" s="13">
        <v>1937</v>
      </c>
      <c r="J21" s="19">
        <v>994</v>
      </c>
      <c r="K21" s="19">
        <v>943</v>
      </c>
    </row>
    <row r="22" spans="1:11" ht="15" customHeight="1">
      <c r="A22" s="17" t="s">
        <v>41</v>
      </c>
      <c r="B22" s="17"/>
      <c r="C22" s="13">
        <v>2411</v>
      </c>
      <c r="D22" s="19">
        <v>1262</v>
      </c>
      <c r="E22" s="19">
        <v>1149</v>
      </c>
      <c r="F22" s="19"/>
      <c r="G22" s="18" t="s">
        <v>42</v>
      </c>
      <c r="H22" s="17"/>
      <c r="I22" s="13">
        <v>1864</v>
      </c>
      <c r="J22" s="19">
        <v>952</v>
      </c>
      <c r="K22" s="19">
        <v>912</v>
      </c>
    </row>
    <row r="23" spans="1:11" ht="20.100000000000001" customHeight="1">
      <c r="A23" s="17" t="s">
        <v>43</v>
      </c>
      <c r="B23" s="17"/>
      <c r="C23" s="13">
        <v>12177</v>
      </c>
      <c r="D23" s="14">
        <v>6296</v>
      </c>
      <c r="E23" s="14">
        <v>5881</v>
      </c>
      <c r="F23" s="14"/>
      <c r="G23" s="18" t="s">
        <v>44</v>
      </c>
      <c r="H23" s="17"/>
      <c r="I23" s="13">
        <v>8889</v>
      </c>
      <c r="J23" s="14">
        <v>4427</v>
      </c>
      <c r="K23" s="14">
        <v>4462</v>
      </c>
    </row>
    <row r="24" spans="1:11" ht="15" customHeight="1">
      <c r="A24" s="17" t="s">
        <v>45</v>
      </c>
      <c r="B24" s="17"/>
      <c r="C24" s="13">
        <v>2311</v>
      </c>
      <c r="D24" s="19">
        <v>1245</v>
      </c>
      <c r="E24" s="19">
        <v>1066</v>
      </c>
      <c r="F24" s="19"/>
      <c r="G24" s="18" t="s">
        <v>46</v>
      </c>
      <c r="H24" s="17"/>
      <c r="I24" s="13">
        <v>1823</v>
      </c>
      <c r="J24" s="19">
        <v>953</v>
      </c>
      <c r="K24" s="19">
        <v>870</v>
      </c>
    </row>
    <row r="25" spans="1:11" ht="15" customHeight="1">
      <c r="A25" s="17" t="s">
        <v>47</v>
      </c>
      <c r="B25" s="17"/>
      <c r="C25" s="13">
        <v>2382</v>
      </c>
      <c r="D25" s="19">
        <v>1211</v>
      </c>
      <c r="E25" s="19">
        <v>1171</v>
      </c>
      <c r="F25" s="19"/>
      <c r="G25" s="18" t="s">
        <v>48</v>
      </c>
      <c r="H25" s="17"/>
      <c r="I25" s="13">
        <v>1707</v>
      </c>
      <c r="J25" s="19">
        <v>827</v>
      </c>
      <c r="K25" s="19">
        <v>880</v>
      </c>
    </row>
    <row r="26" spans="1:11" ht="15" customHeight="1">
      <c r="A26" s="17" t="s">
        <v>49</v>
      </c>
      <c r="B26" s="17"/>
      <c r="C26" s="13">
        <v>2464</v>
      </c>
      <c r="D26" s="19">
        <v>1249</v>
      </c>
      <c r="E26" s="19">
        <v>1215</v>
      </c>
      <c r="F26" s="19"/>
      <c r="G26" s="18" t="s">
        <v>50</v>
      </c>
      <c r="H26" s="17"/>
      <c r="I26" s="13">
        <v>1719</v>
      </c>
      <c r="J26" s="19">
        <v>852</v>
      </c>
      <c r="K26" s="19">
        <v>867</v>
      </c>
    </row>
    <row r="27" spans="1:11" ht="15" customHeight="1">
      <c r="A27" s="17" t="s">
        <v>51</v>
      </c>
      <c r="B27" s="17"/>
      <c r="C27" s="13">
        <v>2474</v>
      </c>
      <c r="D27" s="19">
        <v>1313</v>
      </c>
      <c r="E27" s="19">
        <v>1161</v>
      </c>
      <c r="F27" s="19"/>
      <c r="G27" s="18" t="s">
        <v>52</v>
      </c>
      <c r="H27" s="17"/>
      <c r="I27" s="13">
        <v>1859</v>
      </c>
      <c r="J27" s="19">
        <v>896</v>
      </c>
      <c r="K27" s="19">
        <v>963</v>
      </c>
    </row>
    <row r="28" spans="1:11" ht="15" customHeight="1">
      <c r="A28" s="17" t="s">
        <v>53</v>
      </c>
      <c r="B28" s="17"/>
      <c r="C28" s="13">
        <v>2546</v>
      </c>
      <c r="D28" s="19">
        <v>1278</v>
      </c>
      <c r="E28" s="19">
        <v>1268</v>
      </c>
      <c r="F28" s="19"/>
      <c r="G28" s="18" t="s">
        <v>54</v>
      </c>
      <c r="H28" s="17"/>
      <c r="I28" s="13">
        <v>1781</v>
      </c>
      <c r="J28" s="19">
        <v>899</v>
      </c>
      <c r="K28" s="19">
        <v>882</v>
      </c>
    </row>
    <row r="29" spans="1:11" ht="20.100000000000001" customHeight="1">
      <c r="A29" s="17" t="s">
        <v>55</v>
      </c>
      <c r="B29" s="17"/>
      <c r="C29" s="13">
        <v>12325</v>
      </c>
      <c r="D29" s="14">
        <v>6204</v>
      </c>
      <c r="E29" s="14">
        <v>6121</v>
      </c>
      <c r="F29" s="14"/>
      <c r="G29" s="18" t="s">
        <v>56</v>
      </c>
      <c r="H29" s="17"/>
      <c r="I29" s="13">
        <v>9868</v>
      </c>
      <c r="J29" s="14">
        <v>4828</v>
      </c>
      <c r="K29" s="14">
        <v>5040</v>
      </c>
    </row>
    <row r="30" spans="1:11" ht="15" customHeight="1">
      <c r="A30" s="17" t="s">
        <v>57</v>
      </c>
      <c r="B30" s="17"/>
      <c r="C30" s="13">
        <v>2502</v>
      </c>
      <c r="D30" s="19">
        <v>1266</v>
      </c>
      <c r="E30" s="19">
        <v>1236</v>
      </c>
      <c r="F30" s="19"/>
      <c r="G30" s="18" t="s">
        <v>58</v>
      </c>
      <c r="H30" s="17"/>
      <c r="I30" s="13">
        <v>1971</v>
      </c>
      <c r="J30" s="19">
        <v>975</v>
      </c>
      <c r="K30" s="19">
        <v>996</v>
      </c>
    </row>
    <row r="31" spans="1:11" ht="15" customHeight="1">
      <c r="A31" s="17" t="s">
        <v>59</v>
      </c>
      <c r="B31" s="17"/>
      <c r="C31" s="13">
        <v>2609</v>
      </c>
      <c r="D31" s="19">
        <v>1298</v>
      </c>
      <c r="E31" s="19">
        <v>1311</v>
      </c>
      <c r="F31" s="19"/>
      <c r="G31" s="18" t="s">
        <v>60</v>
      </c>
      <c r="H31" s="17"/>
      <c r="I31" s="13">
        <v>2200</v>
      </c>
      <c r="J31" s="19">
        <v>1111</v>
      </c>
      <c r="K31" s="19">
        <v>1089</v>
      </c>
    </row>
    <row r="32" spans="1:11" ht="15" customHeight="1">
      <c r="A32" s="17" t="s">
        <v>61</v>
      </c>
      <c r="B32" s="17"/>
      <c r="C32" s="13">
        <v>2471</v>
      </c>
      <c r="D32" s="19">
        <v>1305</v>
      </c>
      <c r="E32" s="19">
        <v>1166</v>
      </c>
      <c r="F32" s="19"/>
      <c r="G32" s="18" t="s">
        <v>62</v>
      </c>
      <c r="H32" s="17"/>
      <c r="I32" s="13">
        <v>2128</v>
      </c>
      <c r="J32" s="19">
        <v>1037</v>
      </c>
      <c r="K32" s="19">
        <v>1091</v>
      </c>
    </row>
    <row r="33" spans="1:11" ht="15" customHeight="1">
      <c r="A33" s="17" t="s">
        <v>63</v>
      </c>
      <c r="B33" s="17"/>
      <c r="C33" s="13">
        <v>2495</v>
      </c>
      <c r="D33" s="19">
        <v>1262</v>
      </c>
      <c r="E33" s="19">
        <v>1233</v>
      </c>
      <c r="F33" s="19"/>
      <c r="G33" s="18" t="s">
        <v>64</v>
      </c>
      <c r="H33" s="17"/>
      <c r="I33" s="13">
        <v>2128</v>
      </c>
      <c r="J33" s="19">
        <v>1034</v>
      </c>
      <c r="K33" s="19">
        <v>1094</v>
      </c>
    </row>
    <row r="34" spans="1:11" ht="15" customHeight="1">
      <c r="A34" s="17" t="s">
        <v>65</v>
      </c>
      <c r="B34" s="17"/>
      <c r="C34" s="13">
        <v>2248</v>
      </c>
      <c r="D34" s="19">
        <v>1073</v>
      </c>
      <c r="E34" s="19">
        <v>1175</v>
      </c>
      <c r="F34" s="19"/>
      <c r="G34" s="18" t="s">
        <v>66</v>
      </c>
      <c r="H34" s="17"/>
      <c r="I34" s="13">
        <v>1441</v>
      </c>
      <c r="J34" s="19">
        <v>671</v>
      </c>
      <c r="K34" s="19">
        <v>770</v>
      </c>
    </row>
    <row r="35" spans="1:11" ht="20.100000000000001" customHeight="1">
      <c r="A35" s="17" t="s">
        <v>67</v>
      </c>
      <c r="B35" s="17"/>
      <c r="C35" s="13">
        <v>10062</v>
      </c>
      <c r="D35" s="14">
        <v>4957</v>
      </c>
      <c r="E35" s="14">
        <v>5105</v>
      </c>
      <c r="F35" s="14"/>
      <c r="G35" s="18" t="s">
        <v>68</v>
      </c>
      <c r="H35" s="17"/>
      <c r="I35" s="13">
        <v>7549</v>
      </c>
      <c r="J35" s="14">
        <v>3346</v>
      </c>
      <c r="K35" s="14">
        <v>4203</v>
      </c>
    </row>
    <row r="36" spans="1:11" ht="15" customHeight="1">
      <c r="A36" s="17" t="s">
        <v>69</v>
      </c>
      <c r="B36" s="17"/>
      <c r="C36" s="13">
        <v>2076</v>
      </c>
      <c r="D36" s="19">
        <v>1039</v>
      </c>
      <c r="E36" s="19">
        <v>1037</v>
      </c>
      <c r="F36" s="19"/>
      <c r="G36" s="18" t="s">
        <v>70</v>
      </c>
      <c r="H36" s="17"/>
      <c r="I36" s="13">
        <v>1283</v>
      </c>
      <c r="J36" s="19">
        <v>560</v>
      </c>
      <c r="K36" s="19">
        <v>723</v>
      </c>
    </row>
    <row r="37" spans="1:11" ht="15" customHeight="1">
      <c r="A37" s="17" t="s">
        <v>71</v>
      </c>
      <c r="B37" s="17"/>
      <c r="C37" s="13">
        <v>2114</v>
      </c>
      <c r="D37" s="19">
        <v>1014</v>
      </c>
      <c r="E37" s="19">
        <v>1100</v>
      </c>
      <c r="F37" s="19"/>
      <c r="G37" s="18" t="s">
        <v>72</v>
      </c>
      <c r="H37" s="17"/>
      <c r="I37" s="13">
        <v>1522</v>
      </c>
      <c r="J37" s="19">
        <v>673</v>
      </c>
      <c r="K37" s="19">
        <v>849</v>
      </c>
    </row>
    <row r="38" spans="1:11" ht="15" customHeight="1">
      <c r="A38" s="17" t="s">
        <v>73</v>
      </c>
      <c r="B38" s="17"/>
      <c r="C38" s="13">
        <v>1926</v>
      </c>
      <c r="D38" s="19">
        <v>971</v>
      </c>
      <c r="E38" s="19">
        <v>955</v>
      </c>
      <c r="F38" s="19"/>
      <c r="G38" s="18" t="s">
        <v>74</v>
      </c>
      <c r="H38" s="17"/>
      <c r="I38" s="13">
        <v>1575</v>
      </c>
      <c r="J38" s="19">
        <v>697</v>
      </c>
      <c r="K38" s="19">
        <v>878</v>
      </c>
    </row>
    <row r="39" spans="1:11" ht="15" customHeight="1">
      <c r="A39" s="17" t="s">
        <v>75</v>
      </c>
      <c r="B39" s="17"/>
      <c r="C39" s="13">
        <v>1910</v>
      </c>
      <c r="D39" s="19">
        <v>962</v>
      </c>
      <c r="E39" s="19">
        <v>948</v>
      </c>
      <c r="F39" s="19"/>
      <c r="G39" s="18" t="s">
        <v>76</v>
      </c>
      <c r="H39" s="17"/>
      <c r="I39" s="13">
        <v>1572</v>
      </c>
      <c r="J39" s="19">
        <v>705</v>
      </c>
      <c r="K39" s="19">
        <v>867</v>
      </c>
    </row>
    <row r="40" spans="1:11" ht="15" customHeight="1">
      <c r="A40" s="17" t="s">
        <v>77</v>
      </c>
      <c r="B40" s="17"/>
      <c r="C40" s="13">
        <v>2036</v>
      </c>
      <c r="D40" s="19">
        <v>971</v>
      </c>
      <c r="E40" s="19">
        <v>1065</v>
      </c>
      <c r="F40" s="19"/>
      <c r="G40" s="18" t="s">
        <v>78</v>
      </c>
      <c r="H40" s="17"/>
      <c r="I40" s="13">
        <v>1597</v>
      </c>
      <c r="J40" s="19">
        <v>711</v>
      </c>
      <c r="K40" s="19">
        <v>886</v>
      </c>
    </row>
    <row r="41" spans="1:11" ht="20.100000000000001" customHeight="1">
      <c r="A41" s="17" t="s">
        <v>79</v>
      </c>
      <c r="B41" s="17"/>
      <c r="C41" s="13">
        <v>10184</v>
      </c>
      <c r="D41" s="14">
        <v>4974</v>
      </c>
      <c r="E41" s="14">
        <v>5210</v>
      </c>
      <c r="F41" s="14"/>
      <c r="G41" s="18" t="s">
        <v>80</v>
      </c>
      <c r="H41" s="17"/>
      <c r="I41" s="13">
        <v>5932</v>
      </c>
      <c r="J41" s="14">
        <v>2477</v>
      </c>
      <c r="K41" s="14">
        <v>3455</v>
      </c>
    </row>
    <row r="42" spans="1:11" ht="15" customHeight="1">
      <c r="A42" s="17" t="s">
        <v>81</v>
      </c>
      <c r="B42" s="17"/>
      <c r="C42" s="13">
        <v>1962</v>
      </c>
      <c r="D42" s="19">
        <v>951</v>
      </c>
      <c r="E42" s="19">
        <v>1011</v>
      </c>
      <c r="F42" s="19"/>
      <c r="G42" s="18" t="s">
        <v>82</v>
      </c>
      <c r="H42" s="17"/>
      <c r="I42" s="13">
        <v>1383</v>
      </c>
      <c r="J42" s="19">
        <v>611</v>
      </c>
      <c r="K42" s="19">
        <v>772</v>
      </c>
    </row>
    <row r="43" spans="1:11" ht="15" customHeight="1">
      <c r="A43" s="17" t="s">
        <v>83</v>
      </c>
      <c r="B43" s="17"/>
      <c r="C43" s="13">
        <v>1946</v>
      </c>
      <c r="D43" s="19">
        <v>955</v>
      </c>
      <c r="E43" s="19">
        <v>991</v>
      </c>
      <c r="F43" s="19"/>
      <c r="G43" s="18" t="s">
        <v>84</v>
      </c>
      <c r="H43" s="17"/>
      <c r="I43" s="13">
        <v>1169</v>
      </c>
      <c r="J43" s="19">
        <v>489</v>
      </c>
      <c r="K43" s="19">
        <v>680</v>
      </c>
    </row>
    <row r="44" spans="1:11" ht="15" customHeight="1">
      <c r="A44" s="17" t="s">
        <v>85</v>
      </c>
      <c r="B44" s="17"/>
      <c r="C44" s="13">
        <v>2034</v>
      </c>
      <c r="D44" s="19">
        <v>1000</v>
      </c>
      <c r="E44" s="19">
        <v>1034</v>
      </c>
      <c r="F44" s="19"/>
      <c r="G44" s="18" t="s">
        <v>86</v>
      </c>
      <c r="H44" s="17"/>
      <c r="I44" s="13">
        <v>1132</v>
      </c>
      <c r="J44" s="19">
        <v>461</v>
      </c>
      <c r="K44" s="19">
        <v>671</v>
      </c>
    </row>
    <row r="45" spans="1:11" ht="15" customHeight="1">
      <c r="A45" s="17" t="s">
        <v>87</v>
      </c>
      <c r="B45" s="17"/>
      <c r="C45" s="13">
        <v>2019</v>
      </c>
      <c r="D45" s="19">
        <v>986</v>
      </c>
      <c r="E45" s="19">
        <v>1033</v>
      </c>
      <c r="F45" s="19"/>
      <c r="G45" s="18" t="s">
        <v>88</v>
      </c>
      <c r="H45" s="17"/>
      <c r="I45" s="13">
        <v>1165</v>
      </c>
      <c r="J45" s="19">
        <v>480</v>
      </c>
      <c r="K45" s="19">
        <v>685</v>
      </c>
    </row>
    <row r="46" spans="1:11" ht="15" customHeight="1">
      <c r="A46" s="17" t="s">
        <v>89</v>
      </c>
      <c r="B46" s="17"/>
      <c r="C46" s="13">
        <v>2223</v>
      </c>
      <c r="D46" s="19">
        <v>1082</v>
      </c>
      <c r="E46" s="19">
        <v>1141</v>
      </c>
      <c r="F46" s="19"/>
      <c r="G46" s="18" t="s">
        <v>90</v>
      </c>
      <c r="H46" s="17"/>
      <c r="I46" s="13">
        <v>1083</v>
      </c>
      <c r="J46" s="19">
        <v>436</v>
      </c>
      <c r="K46" s="19">
        <v>647</v>
      </c>
    </row>
    <row r="47" spans="1:11" ht="20.100000000000001" customHeight="1">
      <c r="A47" s="17" t="s">
        <v>91</v>
      </c>
      <c r="B47" s="17"/>
      <c r="C47" s="13">
        <v>12844</v>
      </c>
      <c r="D47" s="14">
        <v>6347</v>
      </c>
      <c r="E47" s="14">
        <v>6497</v>
      </c>
      <c r="F47" s="14"/>
      <c r="G47" s="18" t="s">
        <v>92</v>
      </c>
      <c r="H47" s="17"/>
      <c r="I47" s="13">
        <v>3974</v>
      </c>
      <c r="J47" s="14">
        <v>1428</v>
      </c>
      <c r="K47" s="14">
        <v>2546</v>
      </c>
    </row>
    <row r="48" spans="1:11" ht="15" customHeight="1">
      <c r="A48" s="17" t="s">
        <v>93</v>
      </c>
      <c r="B48" s="17"/>
      <c r="C48" s="13">
        <v>2269</v>
      </c>
      <c r="D48" s="19">
        <v>1138</v>
      </c>
      <c r="E48" s="19">
        <v>1131</v>
      </c>
      <c r="F48" s="19"/>
      <c r="G48" s="18" t="s">
        <v>94</v>
      </c>
      <c r="H48" s="17"/>
      <c r="I48" s="13">
        <v>1002</v>
      </c>
      <c r="J48" s="19">
        <v>410</v>
      </c>
      <c r="K48" s="19">
        <v>592</v>
      </c>
    </row>
    <row r="49" spans="1:11" ht="15" customHeight="1">
      <c r="A49" s="17" t="s">
        <v>95</v>
      </c>
      <c r="B49" s="17"/>
      <c r="C49" s="13">
        <v>2483</v>
      </c>
      <c r="D49" s="19">
        <v>1255</v>
      </c>
      <c r="E49" s="19">
        <v>1228</v>
      </c>
      <c r="F49" s="19"/>
      <c r="G49" s="18" t="s">
        <v>96</v>
      </c>
      <c r="H49" s="17"/>
      <c r="I49" s="13">
        <v>792</v>
      </c>
      <c r="J49" s="19">
        <v>302</v>
      </c>
      <c r="K49" s="19">
        <v>490</v>
      </c>
    </row>
    <row r="50" spans="1:11" ht="15" customHeight="1">
      <c r="A50" s="17" t="s">
        <v>97</v>
      </c>
      <c r="B50" s="17"/>
      <c r="C50" s="13">
        <v>2639</v>
      </c>
      <c r="D50" s="19">
        <v>1306</v>
      </c>
      <c r="E50" s="19">
        <v>1333</v>
      </c>
      <c r="F50" s="19"/>
      <c r="G50" s="18" t="s">
        <v>98</v>
      </c>
      <c r="H50" s="17"/>
      <c r="I50" s="13">
        <v>833</v>
      </c>
      <c r="J50" s="19">
        <v>284</v>
      </c>
      <c r="K50" s="19">
        <v>549</v>
      </c>
    </row>
    <row r="51" spans="1:11" ht="15" customHeight="1">
      <c r="A51" s="17" t="s">
        <v>99</v>
      </c>
      <c r="B51" s="17"/>
      <c r="C51" s="13">
        <v>2703</v>
      </c>
      <c r="D51" s="19">
        <v>1287</v>
      </c>
      <c r="E51" s="19">
        <v>1416</v>
      </c>
      <c r="F51" s="19"/>
      <c r="G51" s="18" t="s">
        <v>100</v>
      </c>
      <c r="H51" s="17"/>
      <c r="I51" s="13">
        <v>676</v>
      </c>
      <c r="J51" s="19">
        <v>228</v>
      </c>
      <c r="K51" s="19">
        <v>448</v>
      </c>
    </row>
    <row r="52" spans="1:11" ht="15" customHeight="1">
      <c r="A52" s="17" t="s">
        <v>101</v>
      </c>
      <c r="B52" s="17"/>
      <c r="C52" s="13">
        <v>2750</v>
      </c>
      <c r="D52" s="19">
        <v>1361</v>
      </c>
      <c r="E52" s="19">
        <v>1389</v>
      </c>
      <c r="F52" s="19"/>
      <c r="G52" s="18" t="s">
        <v>102</v>
      </c>
      <c r="H52" s="17"/>
      <c r="I52" s="13">
        <v>671</v>
      </c>
      <c r="J52" s="19">
        <v>204</v>
      </c>
      <c r="K52" s="19">
        <v>467</v>
      </c>
    </row>
    <row r="53" spans="1:11" ht="20.100000000000001" customHeight="1">
      <c r="A53" s="17" t="s">
        <v>103</v>
      </c>
      <c r="B53" s="17"/>
      <c r="C53" s="13">
        <v>15778</v>
      </c>
      <c r="D53" s="14">
        <v>7694</v>
      </c>
      <c r="E53" s="14">
        <v>8084</v>
      </c>
      <c r="F53" s="14"/>
      <c r="G53" s="18" t="s">
        <v>104</v>
      </c>
      <c r="H53" s="17"/>
      <c r="I53" s="13">
        <v>1952</v>
      </c>
      <c r="J53" s="14">
        <v>538</v>
      </c>
      <c r="K53" s="14">
        <v>1414</v>
      </c>
    </row>
    <row r="54" spans="1:11" ht="15" customHeight="1">
      <c r="A54" s="17" t="s">
        <v>105</v>
      </c>
      <c r="B54" s="17"/>
      <c r="C54" s="13">
        <v>2917</v>
      </c>
      <c r="D54" s="19">
        <v>1411</v>
      </c>
      <c r="E54" s="19">
        <v>1506</v>
      </c>
      <c r="F54" s="19"/>
      <c r="G54" s="18" t="s">
        <v>106</v>
      </c>
      <c r="H54" s="17"/>
      <c r="I54" s="13">
        <v>535</v>
      </c>
      <c r="J54" s="19">
        <v>172</v>
      </c>
      <c r="K54" s="19">
        <v>363</v>
      </c>
    </row>
    <row r="55" spans="1:11" ht="15" customHeight="1">
      <c r="A55" s="17" t="s">
        <v>107</v>
      </c>
      <c r="B55" s="17"/>
      <c r="C55" s="13">
        <v>2989</v>
      </c>
      <c r="D55" s="19">
        <v>1438</v>
      </c>
      <c r="E55" s="19">
        <v>1551</v>
      </c>
      <c r="F55" s="19"/>
      <c r="G55" s="18" t="s">
        <v>108</v>
      </c>
      <c r="H55" s="17"/>
      <c r="I55" s="13">
        <v>456</v>
      </c>
      <c r="J55" s="19">
        <v>134</v>
      </c>
      <c r="K55" s="19">
        <v>322</v>
      </c>
    </row>
    <row r="56" spans="1:11" ht="15" customHeight="1">
      <c r="A56" s="17" t="s">
        <v>109</v>
      </c>
      <c r="B56" s="17"/>
      <c r="C56" s="13">
        <v>3198</v>
      </c>
      <c r="D56" s="19">
        <v>1588</v>
      </c>
      <c r="E56" s="19">
        <v>1610</v>
      </c>
      <c r="F56" s="19"/>
      <c r="G56" s="18" t="s">
        <v>110</v>
      </c>
      <c r="H56" s="17"/>
      <c r="I56" s="13">
        <v>375</v>
      </c>
      <c r="J56" s="19">
        <v>93</v>
      </c>
      <c r="K56" s="19">
        <v>282</v>
      </c>
    </row>
    <row r="57" spans="1:11" ht="15" customHeight="1">
      <c r="A57" s="17" t="s">
        <v>111</v>
      </c>
      <c r="B57" s="17"/>
      <c r="C57" s="13">
        <v>3323</v>
      </c>
      <c r="D57" s="19">
        <v>1608</v>
      </c>
      <c r="E57" s="19">
        <v>1715</v>
      </c>
      <c r="F57" s="19"/>
      <c r="G57" s="18" t="s">
        <v>112</v>
      </c>
      <c r="H57" s="17"/>
      <c r="I57" s="13">
        <v>334</v>
      </c>
      <c r="J57" s="19">
        <v>76</v>
      </c>
      <c r="K57" s="19">
        <v>258</v>
      </c>
    </row>
    <row r="58" spans="1:11" ht="15" customHeight="1">
      <c r="A58" s="17" t="s">
        <v>113</v>
      </c>
      <c r="B58" s="17"/>
      <c r="C58" s="13">
        <v>3351</v>
      </c>
      <c r="D58" s="19">
        <v>1649</v>
      </c>
      <c r="E58" s="19">
        <v>1702</v>
      </c>
      <c r="F58" s="19"/>
      <c r="G58" s="18" t="s">
        <v>114</v>
      </c>
      <c r="H58" s="17"/>
      <c r="I58" s="13">
        <v>252</v>
      </c>
      <c r="J58" s="19">
        <v>63</v>
      </c>
      <c r="K58" s="19">
        <v>189</v>
      </c>
    </row>
    <row r="59" spans="1:11" ht="20.100000000000001" customHeight="1">
      <c r="A59" s="17" t="s">
        <v>115</v>
      </c>
      <c r="B59" s="17"/>
      <c r="C59" s="13">
        <v>19654</v>
      </c>
      <c r="D59" s="14">
        <v>9507</v>
      </c>
      <c r="E59" s="14">
        <v>10147</v>
      </c>
      <c r="F59" s="14"/>
      <c r="G59" s="18" t="s">
        <v>116</v>
      </c>
      <c r="H59" s="17"/>
      <c r="I59" s="13">
        <v>563</v>
      </c>
      <c r="J59" s="14">
        <v>108</v>
      </c>
      <c r="K59" s="14">
        <v>455</v>
      </c>
    </row>
    <row r="60" spans="1:11" ht="15" customHeight="1">
      <c r="A60" s="17" t="s">
        <v>117</v>
      </c>
      <c r="B60" s="17"/>
      <c r="C60" s="13">
        <v>3561</v>
      </c>
      <c r="D60" s="19">
        <v>1726</v>
      </c>
      <c r="E60" s="19">
        <v>1835</v>
      </c>
      <c r="F60" s="19"/>
      <c r="G60" s="18" t="s">
        <v>118</v>
      </c>
      <c r="H60" s="17"/>
      <c r="I60" s="13">
        <v>196</v>
      </c>
      <c r="J60" s="19">
        <v>37</v>
      </c>
      <c r="K60" s="19">
        <v>159</v>
      </c>
    </row>
    <row r="61" spans="1:11" ht="15" customHeight="1">
      <c r="A61" s="17" t="s">
        <v>119</v>
      </c>
      <c r="B61" s="17"/>
      <c r="C61" s="13">
        <v>3876</v>
      </c>
      <c r="D61" s="19">
        <v>1920</v>
      </c>
      <c r="E61" s="19">
        <v>1956</v>
      </c>
      <c r="F61" s="19"/>
      <c r="G61" s="18" t="s">
        <v>120</v>
      </c>
      <c r="H61" s="17"/>
      <c r="I61" s="13">
        <v>143</v>
      </c>
      <c r="J61" s="19">
        <v>35</v>
      </c>
      <c r="K61" s="19">
        <v>108</v>
      </c>
    </row>
    <row r="62" spans="1:11" ht="15" customHeight="1">
      <c r="A62" s="17" t="s">
        <v>121</v>
      </c>
      <c r="B62" s="17"/>
      <c r="C62" s="13">
        <v>4068</v>
      </c>
      <c r="D62" s="19">
        <v>1980</v>
      </c>
      <c r="E62" s="19">
        <v>2088</v>
      </c>
      <c r="F62" s="19"/>
      <c r="G62" s="18" t="s">
        <v>122</v>
      </c>
      <c r="H62" s="17"/>
      <c r="I62" s="13">
        <v>90</v>
      </c>
      <c r="J62" s="19">
        <v>15</v>
      </c>
      <c r="K62" s="19">
        <v>75</v>
      </c>
    </row>
    <row r="63" spans="1:11" ht="15" customHeight="1">
      <c r="A63" s="17" t="s">
        <v>123</v>
      </c>
      <c r="B63" s="17"/>
      <c r="C63" s="13">
        <v>4163</v>
      </c>
      <c r="D63" s="19">
        <v>1958</v>
      </c>
      <c r="E63" s="19">
        <v>2205</v>
      </c>
      <c r="F63" s="19"/>
      <c r="G63" s="18" t="s">
        <v>124</v>
      </c>
      <c r="H63" s="17"/>
      <c r="I63" s="13">
        <v>67</v>
      </c>
      <c r="J63" s="19">
        <v>14</v>
      </c>
      <c r="K63" s="19">
        <v>53</v>
      </c>
    </row>
    <row r="64" spans="1:11" ht="15" customHeight="1">
      <c r="A64" s="17" t="s">
        <v>125</v>
      </c>
      <c r="B64" s="17"/>
      <c r="C64" s="13">
        <v>3986</v>
      </c>
      <c r="D64" s="19">
        <v>1923</v>
      </c>
      <c r="E64" s="19">
        <v>2063</v>
      </c>
      <c r="F64" s="19"/>
      <c r="G64" s="18" t="s">
        <v>126</v>
      </c>
      <c r="H64" s="17"/>
      <c r="I64" s="13">
        <v>67</v>
      </c>
      <c r="J64" s="19">
        <v>7</v>
      </c>
      <c r="K64" s="19">
        <v>6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99</v>
      </c>
      <c r="J65" s="19">
        <v>16</v>
      </c>
      <c r="K65" s="19">
        <v>8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257</v>
      </c>
      <c r="J66" s="29">
        <v>1328</v>
      </c>
      <c r="K66" s="29">
        <v>192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2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38133</v>
      </c>
      <c r="D4" s="14">
        <v>775501</v>
      </c>
      <c r="E4" s="14">
        <v>76263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3457</v>
      </c>
      <c r="D5" s="14">
        <v>32556</v>
      </c>
      <c r="E5" s="14">
        <v>30901</v>
      </c>
      <c r="F5" s="14"/>
      <c r="G5" s="18" t="s">
        <v>8</v>
      </c>
      <c r="H5" s="17"/>
      <c r="I5" s="13">
        <v>117160</v>
      </c>
      <c r="J5" s="14">
        <v>61563</v>
      </c>
      <c r="K5" s="14">
        <v>55597</v>
      </c>
    </row>
    <row r="6" spans="1:11" ht="15" customHeight="1">
      <c r="A6" s="17" t="s">
        <v>9</v>
      </c>
      <c r="B6" s="17"/>
      <c r="C6" s="13">
        <v>12276</v>
      </c>
      <c r="D6" s="19">
        <v>6283</v>
      </c>
      <c r="E6" s="19">
        <v>5993</v>
      </c>
      <c r="F6" s="19"/>
      <c r="G6" s="18" t="s">
        <v>10</v>
      </c>
      <c r="H6" s="17"/>
      <c r="I6" s="13">
        <v>25668</v>
      </c>
      <c r="J6" s="19">
        <v>13485</v>
      </c>
      <c r="K6" s="19">
        <v>12183</v>
      </c>
    </row>
    <row r="7" spans="1:11" ht="15" customHeight="1">
      <c r="A7" s="17" t="s">
        <v>11</v>
      </c>
      <c r="B7" s="17"/>
      <c r="C7" s="13">
        <v>12666</v>
      </c>
      <c r="D7" s="19">
        <v>6519</v>
      </c>
      <c r="E7" s="19">
        <v>6147</v>
      </c>
      <c r="F7" s="19"/>
      <c r="G7" s="18" t="s">
        <v>12</v>
      </c>
      <c r="H7" s="17"/>
      <c r="I7" s="13">
        <v>24832</v>
      </c>
      <c r="J7" s="19">
        <v>12929</v>
      </c>
      <c r="K7" s="19">
        <v>11903</v>
      </c>
    </row>
    <row r="8" spans="1:11" ht="15" customHeight="1">
      <c r="A8" s="17" t="s">
        <v>13</v>
      </c>
      <c r="B8" s="17"/>
      <c r="C8" s="13">
        <v>12713</v>
      </c>
      <c r="D8" s="19">
        <v>6518</v>
      </c>
      <c r="E8" s="19">
        <v>6195</v>
      </c>
      <c r="F8" s="19"/>
      <c r="G8" s="18" t="s">
        <v>14</v>
      </c>
      <c r="H8" s="17"/>
      <c r="I8" s="13">
        <v>24365</v>
      </c>
      <c r="J8" s="19">
        <v>12810</v>
      </c>
      <c r="K8" s="19">
        <v>11555</v>
      </c>
    </row>
    <row r="9" spans="1:11" ht="15" customHeight="1">
      <c r="A9" s="17" t="s">
        <v>15</v>
      </c>
      <c r="B9" s="17"/>
      <c r="C9" s="13">
        <v>12853</v>
      </c>
      <c r="D9" s="19">
        <v>6624</v>
      </c>
      <c r="E9" s="19">
        <v>6229</v>
      </c>
      <c r="F9" s="19"/>
      <c r="G9" s="18" t="s">
        <v>16</v>
      </c>
      <c r="H9" s="17"/>
      <c r="I9" s="13">
        <v>24677</v>
      </c>
      <c r="J9" s="19">
        <v>13009</v>
      </c>
      <c r="K9" s="19">
        <v>11668</v>
      </c>
    </row>
    <row r="10" spans="1:11" ht="15" customHeight="1">
      <c r="A10" s="17" t="s">
        <v>17</v>
      </c>
      <c r="B10" s="17"/>
      <c r="C10" s="13">
        <v>12949</v>
      </c>
      <c r="D10" s="19">
        <v>6612</v>
      </c>
      <c r="E10" s="19">
        <v>6337</v>
      </c>
      <c r="F10" s="19"/>
      <c r="G10" s="18" t="s">
        <v>18</v>
      </c>
      <c r="H10" s="17"/>
      <c r="I10" s="13">
        <v>17618</v>
      </c>
      <c r="J10" s="19">
        <v>9330</v>
      </c>
      <c r="K10" s="19">
        <v>8288</v>
      </c>
    </row>
    <row r="11" spans="1:11" ht="20.100000000000001" customHeight="1">
      <c r="A11" s="17" t="s">
        <v>19</v>
      </c>
      <c r="B11" s="17"/>
      <c r="C11" s="13">
        <v>63592</v>
      </c>
      <c r="D11" s="14">
        <v>32666</v>
      </c>
      <c r="E11" s="14">
        <v>30926</v>
      </c>
      <c r="F11" s="14"/>
      <c r="G11" s="18" t="s">
        <v>20</v>
      </c>
      <c r="H11" s="17"/>
      <c r="I11" s="13">
        <v>96398</v>
      </c>
      <c r="J11" s="14">
        <v>51019</v>
      </c>
      <c r="K11" s="14">
        <v>45379</v>
      </c>
    </row>
    <row r="12" spans="1:11" ht="15" customHeight="1">
      <c r="A12" s="17" t="s">
        <v>21</v>
      </c>
      <c r="B12" s="17"/>
      <c r="C12" s="13">
        <v>13143</v>
      </c>
      <c r="D12" s="19">
        <v>6708</v>
      </c>
      <c r="E12" s="19">
        <v>6435</v>
      </c>
      <c r="F12" s="19"/>
      <c r="G12" s="18" t="s">
        <v>22</v>
      </c>
      <c r="H12" s="17"/>
      <c r="I12" s="13">
        <v>22489</v>
      </c>
      <c r="J12" s="19">
        <v>11881</v>
      </c>
      <c r="K12" s="19">
        <v>10608</v>
      </c>
    </row>
    <row r="13" spans="1:11" ht="15" customHeight="1">
      <c r="A13" s="17" t="s">
        <v>23</v>
      </c>
      <c r="B13" s="17"/>
      <c r="C13" s="13">
        <v>12642</v>
      </c>
      <c r="D13" s="19">
        <v>6492</v>
      </c>
      <c r="E13" s="19">
        <v>6150</v>
      </c>
      <c r="F13" s="19"/>
      <c r="G13" s="18" t="s">
        <v>24</v>
      </c>
      <c r="H13" s="17"/>
      <c r="I13" s="13">
        <v>20305</v>
      </c>
      <c r="J13" s="19">
        <v>10806</v>
      </c>
      <c r="K13" s="19">
        <v>9499</v>
      </c>
    </row>
    <row r="14" spans="1:11" ht="15" customHeight="1">
      <c r="A14" s="17" t="s">
        <v>25</v>
      </c>
      <c r="B14" s="17"/>
      <c r="C14" s="13">
        <v>12658</v>
      </c>
      <c r="D14" s="19">
        <v>6505</v>
      </c>
      <c r="E14" s="19">
        <v>6153</v>
      </c>
      <c r="F14" s="19"/>
      <c r="G14" s="18" t="s">
        <v>26</v>
      </c>
      <c r="H14" s="17"/>
      <c r="I14" s="13">
        <v>19124</v>
      </c>
      <c r="J14" s="19">
        <v>10118</v>
      </c>
      <c r="K14" s="19">
        <v>9006</v>
      </c>
    </row>
    <row r="15" spans="1:11" ht="15" customHeight="1">
      <c r="A15" s="17" t="s">
        <v>27</v>
      </c>
      <c r="B15" s="17"/>
      <c r="C15" s="13">
        <v>12634</v>
      </c>
      <c r="D15" s="19">
        <v>6517</v>
      </c>
      <c r="E15" s="19">
        <v>6117</v>
      </c>
      <c r="F15" s="19"/>
      <c r="G15" s="18" t="s">
        <v>28</v>
      </c>
      <c r="H15" s="17"/>
      <c r="I15" s="13">
        <v>17792</v>
      </c>
      <c r="J15" s="19">
        <v>9495</v>
      </c>
      <c r="K15" s="19">
        <v>8297</v>
      </c>
    </row>
    <row r="16" spans="1:11" ht="15" customHeight="1">
      <c r="A16" s="17" t="s">
        <v>29</v>
      </c>
      <c r="B16" s="17"/>
      <c r="C16" s="13">
        <v>12515</v>
      </c>
      <c r="D16" s="19">
        <v>6444</v>
      </c>
      <c r="E16" s="19">
        <v>6071</v>
      </c>
      <c r="F16" s="19"/>
      <c r="G16" s="18" t="s">
        <v>30</v>
      </c>
      <c r="H16" s="17"/>
      <c r="I16" s="13">
        <v>16688</v>
      </c>
      <c r="J16" s="19">
        <v>8719</v>
      </c>
      <c r="K16" s="19">
        <v>7969</v>
      </c>
    </row>
    <row r="17" spans="1:11" ht="20.100000000000001" customHeight="1">
      <c r="A17" s="20" t="s">
        <v>31</v>
      </c>
      <c r="B17" s="20"/>
      <c r="C17" s="13">
        <v>62139</v>
      </c>
      <c r="D17" s="14">
        <v>31928</v>
      </c>
      <c r="E17" s="14">
        <v>30211</v>
      </c>
      <c r="F17" s="14"/>
      <c r="G17" s="18" t="s">
        <v>32</v>
      </c>
      <c r="H17" s="17"/>
      <c r="I17" s="13">
        <v>72709</v>
      </c>
      <c r="J17" s="14">
        <v>37889</v>
      </c>
      <c r="K17" s="14">
        <v>34820</v>
      </c>
    </row>
    <row r="18" spans="1:11" ht="15" customHeight="1">
      <c r="A18" s="17" t="s">
        <v>33</v>
      </c>
      <c r="B18" s="17"/>
      <c r="C18" s="13">
        <v>12532</v>
      </c>
      <c r="D18" s="19">
        <v>6456</v>
      </c>
      <c r="E18" s="19">
        <v>6076</v>
      </c>
      <c r="F18" s="19"/>
      <c r="G18" s="18" t="s">
        <v>34</v>
      </c>
      <c r="H18" s="17"/>
      <c r="I18" s="13">
        <v>15918</v>
      </c>
      <c r="J18" s="19">
        <v>8410</v>
      </c>
      <c r="K18" s="19">
        <v>7508</v>
      </c>
    </row>
    <row r="19" spans="1:11" ht="15" customHeight="1">
      <c r="A19" s="17" t="s">
        <v>35</v>
      </c>
      <c r="B19" s="17"/>
      <c r="C19" s="13">
        <v>12410</v>
      </c>
      <c r="D19" s="19">
        <v>6354</v>
      </c>
      <c r="E19" s="19">
        <v>6056</v>
      </c>
      <c r="F19" s="19"/>
      <c r="G19" s="18" t="s">
        <v>36</v>
      </c>
      <c r="H19" s="17"/>
      <c r="I19" s="13">
        <v>15138</v>
      </c>
      <c r="J19" s="19">
        <v>7916</v>
      </c>
      <c r="K19" s="19">
        <v>7222</v>
      </c>
    </row>
    <row r="20" spans="1:11" ht="15" customHeight="1">
      <c r="A20" s="17" t="s">
        <v>37</v>
      </c>
      <c r="B20" s="17"/>
      <c r="C20" s="13">
        <v>12499</v>
      </c>
      <c r="D20" s="19">
        <v>6418</v>
      </c>
      <c r="E20" s="19">
        <v>6081</v>
      </c>
      <c r="F20" s="19"/>
      <c r="G20" s="18" t="s">
        <v>38</v>
      </c>
      <c r="H20" s="17"/>
      <c r="I20" s="13">
        <v>14686</v>
      </c>
      <c r="J20" s="19">
        <v>7587</v>
      </c>
      <c r="K20" s="19">
        <v>7099</v>
      </c>
    </row>
    <row r="21" spans="1:11" ht="15" customHeight="1">
      <c r="A21" s="17" t="s">
        <v>39</v>
      </c>
      <c r="B21" s="17"/>
      <c r="C21" s="13">
        <v>12410</v>
      </c>
      <c r="D21" s="19">
        <v>6369</v>
      </c>
      <c r="E21" s="19">
        <v>6041</v>
      </c>
      <c r="F21" s="19"/>
      <c r="G21" s="18" t="s">
        <v>40</v>
      </c>
      <c r="H21" s="17"/>
      <c r="I21" s="13">
        <v>13440</v>
      </c>
      <c r="J21" s="19">
        <v>6947</v>
      </c>
      <c r="K21" s="19">
        <v>6493</v>
      </c>
    </row>
    <row r="22" spans="1:11" ht="15" customHeight="1">
      <c r="A22" s="17" t="s">
        <v>41</v>
      </c>
      <c r="B22" s="17"/>
      <c r="C22" s="13">
        <v>12288</v>
      </c>
      <c r="D22" s="19">
        <v>6331</v>
      </c>
      <c r="E22" s="19">
        <v>5957</v>
      </c>
      <c r="F22" s="19"/>
      <c r="G22" s="18" t="s">
        <v>42</v>
      </c>
      <c r="H22" s="17"/>
      <c r="I22" s="13">
        <v>13527</v>
      </c>
      <c r="J22" s="19">
        <v>7029</v>
      </c>
      <c r="K22" s="19">
        <v>6498</v>
      </c>
    </row>
    <row r="23" spans="1:11" ht="20.100000000000001" customHeight="1">
      <c r="A23" s="17" t="s">
        <v>43</v>
      </c>
      <c r="B23" s="17"/>
      <c r="C23" s="13">
        <v>62812</v>
      </c>
      <c r="D23" s="14">
        <v>31989</v>
      </c>
      <c r="E23" s="14">
        <v>30823</v>
      </c>
      <c r="F23" s="14"/>
      <c r="G23" s="18" t="s">
        <v>44</v>
      </c>
      <c r="H23" s="17"/>
      <c r="I23" s="13">
        <v>69199</v>
      </c>
      <c r="J23" s="14">
        <v>34697</v>
      </c>
      <c r="K23" s="14">
        <v>34502</v>
      </c>
    </row>
    <row r="24" spans="1:11" ht="15" customHeight="1">
      <c r="A24" s="17" t="s">
        <v>45</v>
      </c>
      <c r="B24" s="17"/>
      <c r="C24" s="13">
        <v>11707</v>
      </c>
      <c r="D24" s="19">
        <v>5992</v>
      </c>
      <c r="E24" s="19">
        <v>5715</v>
      </c>
      <c r="F24" s="19"/>
      <c r="G24" s="18" t="s">
        <v>46</v>
      </c>
      <c r="H24" s="17"/>
      <c r="I24" s="13">
        <v>13414</v>
      </c>
      <c r="J24" s="19">
        <v>6797</v>
      </c>
      <c r="K24" s="19">
        <v>6617</v>
      </c>
    </row>
    <row r="25" spans="1:11" ht="15" customHeight="1">
      <c r="A25" s="17" t="s">
        <v>47</v>
      </c>
      <c r="B25" s="17"/>
      <c r="C25" s="13">
        <v>12017</v>
      </c>
      <c r="D25" s="19">
        <v>6178</v>
      </c>
      <c r="E25" s="19">
        <v>5839</v>
      </c>
      <c r="F25" s="19"/>
      <c r="G25" s="18" t="s">
        <v>48</v>
      </c>
      <c r="H25" s="17"/>
      <c r="I25" s="13">
        <v>13166</v>
      </c>
      <c r="J25" s="19">
        <v>6670</v>
      </c>
      <c r="K25" s="19">
        <v>6496</v>
      </c>
    </row>
    <row r="26" spans="1:11" ht="15" customHeight="1">
      <c r="A26" s="17" t="s">
        <v>49</v>
      </c>
      <c r="B26" s="17"/>
      <c r="C26" s="13">
        <v>11735</v>
      </c>
      <c r="D26" s="19">
        <v>5970</v>
      </c>
      <c r="E26" s="19">
        <v>5765</v>
      </c>
      <c r="F26" s="19"/>
      <c r="G26" s="18" t="s">
        <v>50</v>
      </c>
      <c r="H26" s="17"/>
      <c r="I26" s="13">
        <v>13552</v>
      </c>
      <c r="J26" s="19">
        <v>6778</v>
      </c>
      <c r="K26" s="19">
        <v>6774</v>
      </c>
    </row>
    <row r="27" spans="1:11" ht="15" customHeight="1">
      <c r="A27" s="17" t="s">
        <v>51</v>
      </c>
      <c r="B27" s="17"/>
      <c r="C27" s="13">
        <v>12632</v>
      </c>
      <c r="D27" s="19">
        <v>6372</v>
      </c>
      <c r="E27" s="19">
        <v>6260</v>
      </c>
      <c r="F27" s="19"/>
      <c r="G27" s="18" t="s">
        <v>52</v>
      </c>
      <c r="H27" s="17"/>
      <c r="I27" s="13">
        <v>14456</v>
      </c>
      <c r="J27" s="19">
        <v>7238</v>
      </c>
      <c r="K27" s="19">
        <v>7218</v>
      </c>
    </row>
    <row r="28" spans="1:11" ht="15" customHeight="1">
      <c r="A28" s="17" t="s">
        <v>53</v>
      </c>
      <c r="B28" s="17"/>
      <c r="C28" s="13">
        <v>14721</v>
      </c>
      <c r="D28" s="19">
        <v>7477</v>
      </c>
      <c r="E28" s="19">
        <v>7244</v>
      </c>
      <c r="F28" s="19"/>
      <c r="G28" s="18" t="s">
        <v>54</v>
      </c>
      <c r="H28" s="17"/>
      <c r="I28" s="13">
        <v>14611</v>
      </c>
      <c r="J28" s="19">
        <v>7214</v>
      </c>
      <c r="K28" s="19">
        <v>7397</v>
      </c>
    </row>
    <row r="29" spans="1:11" ht="20.100000000000001" customHeight="1">
      <c r="A29" s="17" t="s">
        <v>55</v>
      </c>
      <c r="B29" s="17"/>
      <c r="C29" s="13">
        <v>89647</v>
      </c>
      <c r="D29" s="14">
        <v>45383</v>
      </c>
      <c r="E29" s="14">
        <v>44264</v>
      </c>
      <c r="F29" s="14"/>
      <c r="G29" s="18" t="s">
        <v>56</v>
      </c>
      <c r="H29" s="17"/>
      <c r="I29" s="13">
        <v>78578</v>
      </c>
      <c r="J29" s="14">
        <v>37898</v>
      </c>
      <c r="K29" s="14">
        <v>40680</v>
      </c>
    </row>
    <row r="30" spans="1:11" ht="15" customHeight="1">
      <c r="A30" s="17" t="s">
        <v>57</v>
      </c>
      <c r="B30" s="17"/>
      <c r="C30" s="13">
        <v>15655</v>
      </c>
      <c r="D30" s="19">
        <v>8019</v>
      </c>
      <c r="E30" s="19">
        <v>7636</v>
      </c>
      <c r="F30" s="19"/>
      <c r="G30" s="18" t="s">
        <v>58</v>
      </c>
      <c r="H30" s="17"/>
      <c r="I30" s="13">
        <v>15729</v>
      </c>
      <c r="J30" s="19">
        <v>7808</v>
      </c>
      <c r="K30" s="19">
        <v>7921</v>
      </c>
    </row>
    <row r="31" spans="1:11" ht="15" customHeight="1">
      <c r="A31" s="17" t="s">
        <v>59</v>
      </c>
      <c r="B31" s="17"/>
      <c r="C31" s="13">
        <v>16454</v>
      </c>
      <c r="D31" s="19">
        <v>8181</v>
      </c>
      <c r="E31" s="19">
        <v>8273</v>
      </c>
      <c r="F31" s="19"/>
      <c r="G31" s="18" t="s">
        <v>60</v>
      </c>
      <c r="H31" s="17"/>
      <c r="I31" s="13">
        <v>17607</v>
      </c>
      <c r="J31" s="19">
        <v>8453</v>
      </c>
      <c r="K31" s="19">
        <v>9154</v>
      </c>
    </row>
    <row r="32" spans="1:11" ht="15" customHeight="1">
      <c r="A32" s="17" t="s">
        <v>61</v>
      </c>
      <c r="B32" s="17"/>
      <c r="C32" s="13">
        <v>17734</v>
      </c>
      <c r="D32" s="19">
        <v>8927</v>
      </c>
      <c r="E32" s="19">
        <v>8807</v>
      </c>
      <c r="F32" s="19"/>
      <c r="G32" s="18" t="s">
        <v>62</v>
      </c>
      <c r="H32" s="17"/>
      <c r="I32" s="13">
        <v>17144</v>
      </c>
      <c r="J32" s="19">
        <v>8255</v>
      </c>
      <c r="K32" s="19">
        <v>8889</v>
      </c>
    </row>
    <row r="33" spans="1:11" ht="15" customHeight="1">
      <c r="A33" s="17" t="s">
        <v>63</v>
      </c>
      <c r="B33" s="17"/>
      <c r="C33" s="13">
        <v>19617</v>
      </c>
      <c r="D33" s="19">
        <v>9984</v>
      </c>
      <c r="E33" s="19">
        <v>9633</v>
      </c>
      <c r="F33" s="19"/>
      <c r="G33" s="18" t="s">
        <v>64</v>
      </c>
      <c r="H33" s="17"/>
      <c r="I33" s="13">
        <v>16590</v>
      </c>
      <c r="J33" s="19">
        <v>7919</v>
      </c>
      <c r="K33" s="19">
        <v>8671</v>
      </c>
    </row>
    <row r="34" spans="1:11" ht="15" customHeight="1">
      <c r="A34" s="17" t="s">
        <v>65</v>
      </c>
      <c r="B34" s="17"/>
      <c r="C34" s="13">
        <v>20187</v>
      </c>
      <c r="D34" s="19">
        <v>10272</v>
      </c>
      <c r="E34" s="19">
        <v>9915</v>
      </c>
      <c r="F34" s="19"/>
      <c r="G34" s="18" t="s">
        <v>66</v>
      </c>
      <c r="H34" s="17"/>
      <c r="I34" s="13">
        <v>11508</v>
      </c>
      <c r="J34" s="19">
        <v>5463</v>
      </c>
      <c r="K34" s="19">
        <v>6045</v>
      </c>
    </row>
    <row r="35" spans="1:11" ht="20.100000000000001" customHeight="1">
      <c r="A35" s="17" t="s">
        <v>67</v>
      </c>
      <c r="B35" s="17"/>
      <c r="C35" s="13">
        <v>103566</v>
      </c>
      <c r="D35" s="14">
        <v>53716</v>
      </c>
      <c r="E35" s="14">
        <v>49850</v>
      </c>
      <c r="F35" s="14"/>
      <c r="G35" s="18" t="s">
        <v>68</v>
      </c>
      <c r="H35" s="17"/>
      <c r="I35" s="13">
        <v>59683</v>
      </c>
      <c r="J35" s="14">
        <v>27136</v>
      </c>
      <c r="K35" s="14">
        <v>32547</v>
      </c>
    </row>
    <row r="36" spans="1:11" ht="15" customHeight="1">
      <c r="A36" s="17" t="s">
        <v>69</v>
      </c>
      <c r="B36" s="17"/>
      <c r="C36" s="13">
        <v>20539</v>
      </c>
      <c r="D36" s="19">
        <v>10701</v>
      </c>
      <c r="E36" s="19">
        <v>9838</v>
      </c>
      <c r="F36" s="19"/>
      <c r="G36" s="18" t="s">
        <v>70</v>
      </c>
      <c r="H36" s="17"/>
      <c r="I36" s="13">
        <v>10285</v>
      </c>
      <c r="J36" s="19">
        <v>4795</v>
      </c>
      <c r="K36" s="19">
        <v>5490</v>
      </c>
    </row>
    <row r="37" spans="1:11" ht="15" customHeight="1">
      <c r="A37" s="17" t="s">
        <v>71</v>
      </c>
      <c r="B37" s="17"/>
      <c r="C37" s="13">
        <v>21194</v>
      </c>
      <c r="D37" s="19">
        <v>10896</v>
      </c>
      <c r="E37" s="19">
        <v>10298</v>
      </c>
      <c r="F37" s="19"/>
      <c r="G37" s="18" t="s">
        <v>72</v>
      </c>
      <c r="H37" s="17"/>
      <c r="I37" s="13">
        <v>12445</v>
      </c>
      <c r="J37" s="19">
        <v>5690</v>
      </c>
      <c r="K37" s="19">
        <v>6755</v>
      </c>
    </row>
    <row r="38" spans="1:11" ht="15" customHeight="1">
      <c r="A38" s="17" t="s">
        <v>73</v>
      </c>
      <c r="B38" s="17"/>
      <c r="C38" s="13">
        <v>20460</v>
      </c>
      <c r="D38" s="19">
        <v>10633</v>
      </c>
      <c r="E38" s="19">
        <v>9827</v>
      </c>
      <c r="F38" s="19"/>
      <c r="G38" s="18" t="s">
        <v>74</v>
      </c>
      <c r="H38" s="17"/>
      <c r="I38" s="13">
        <v>12900</v>
      </c>
      <c r="J38" s="19">
        <v>5891</v>
      </c>
      <c r="K38" s="19">
        <v>7009</v>
      </c>
    </row>
    <row r="39" spans="1:11" ht="15" customHeight="1">
      <c r="A39" s="17" t="s">
        <v>75</v>
      </c>
      <c r="B39" s="17"/>
      <c r="C39" s="13">
        <v>20661</v>
      </c>
      <c r="D39" s="19">
        <v>10651</v>
      </c>
      <c r="E39" s="19">
        <v>10010</v>
      </c>
      <c r="F39" s="19"/>
      <c r="G39" s="18" t="s">
        <v>76</v>
      </c>
      <c r="H39" s="17"/>
      <c r="I39" s="13">
        <v>12005</v>
      </c>
      <c r="J39" s="19">
        <v>5387</v>
      </c>
      <c r="K39" s="19">
        <v>6618</v>
      </c>
    </row>
    <row r="40" spans="1:11" ht="15" customHeight="1">
      <c r="A40" s="17" t="s">
        <v>77</v>
      </c>
      <c r="B40" s="17"/>
      <c r="C40" s="13">
        <v>20712</v>
      </c>
      <c r="D40" s="19">
        <v>10835</v>
      </c>
      <c r="E40" s="19">
        <v>9877</v>
      </c>
      <c r="F40" s="19"/>
      <c r="G40" s="18" t="s">
        <v>78</v>
      </c>
      <c r="H40" s="17"/>
      <c r="I40" s="13">
        <v>12048</v>
      </c>
      <c r="J40" s="19">
        <v>5373</v>
      </c>
      <c r="K40" s="19">
        <v>6675</v>
      </c>
    </row>
    <row r="41" spans="1:11" ht="20.100000000000001" customHeight="1">
      <c r="A41" s="17" t="s">
        <v>79</v>
      </c>
      <c r="B41" s="17"/>
      <c r="C41" s="13">
        <v>103358</v>
      </c>
      <c r="D41" s="14">
        <v>53427</v>
      </c>
      <c r="E41" s="14">
        <v>49931</v>
      </c>
      <c r="F41" s="14"/>
      <c r="G41" s="18" t="s">
        <v>80</v>
      </c>
      <c r="H41" s="17"/>
      <c r="I41" s="13">
        <v>45068</v>
      </c>
      <c r="J41" s="14">
        <v>18763</v>
      </c>
      <c r="K41" s="14">
        <v>26305</v>
      </c>
    </row>
    <row r="42" spans="1:11" ht="15" customHeight="1">
      <c r="A42" s="17" t="s">
        <v>81</v>
      </c>
      <c r="B42" s="17"/>
      <c r="C42" s="13">
        <v>20567</v>
      </c>
      <c r="D42" s="19">
        <v>10553</v>
      </c>
      <c r="E42" s="19">
        <v>10014</v>
      </c>
      <c r="F42" s="19"/>
      <c r="G42" s="18" t="s">
        <v>82</v>
      </c>
      <c r="H42" s="17"/>
      <c r="I42" s="13">
        <v>10471</v>
      </c>
      <c r="J42" s="19">
        <v>4533</v>
      </c>
      <c r="K42" s="19">
        <v>5938</v>
      </c>
    </row>
    <row r="43" spans="1:11" ht="15" customHeight="1">
      <c r="A43" s="17" t="s">
        <v>83</v>
      </c>
      <c r="B43" s="17"/>
      <c r="C43" s="13">
        <v>20295</v>
      </c>
      <c r="D43" s="19">
        <v>10455</v>
      </c>
      <c r="E43" s="19">
        <v>9840</v>
      </c>
      <c r="F43" s="19"/>
      <c r="G43" s="18" t="s">
        <v>84</v>
      </c>
      <c r="H43" s="17"/>
      <c r="I43" s="13">
        <v>9003</v>
      </c>
      <c r="J43" s="19">
        <v>3816</v>
      </c>
      <c r="K43" s="19">
        <v>5187</v>
      </c>
    </row>
    <row r="44" spans="1:11" ht="15" customHeight="1">
      <c r="A44" s="17" t="s">
        <v>85</v>
      </c>
      <c r="B44" s="17"/>
      <c r="C44" s="13">
        <v>20783</v>
      </c>
      <c r="D44" s="19">
        <v>10748</v>
      </c>
      <c r="E44" s="19">
        <v>10035</v>
      </c>
      <c r="F44" s="19"/>
      <c r="G44" s="18" t="s">
        <v>86</v>
      </c>
      <c r="H44" s="17"/>
      <c r="I44" s="13">
        <v>8555</v>
      </c>
      <c r="J44" s="19">
        <v>3553</v>
      </c>
      <c r="K44" s="19">
        <v>5002</v>
      </c>
    </row>
    <row r="45" spans="1:11" ht="15" customHeight="1">
      <c r="A45" s="17" t="s">
        <v>87</v>
      </c>
      <c r="B45" s="17"/>
      <c r="C45" s="13">
        <v>20717</v>
      </c>
      <c r="D45" s="19">
        <v>10695</v>
      </c>
      <c r="E45" s="19">
        <v>10022</v>
      </c>
      <c r="F45" s="19"/>
      <c r="G45" s="18" t="s">
        <v>88</v>
      </c>
      <c r="H45" s="17"/>
      <c r="I45" s="13">
        <v>8958</v>
      </c>
      <c r="J45" s="19">
        <v>3597</v>
      </c>
      <c r="K45" s="19">
        <v>5361</v>
      </c>
    </row>
    <row r="46" spans="1:11" ht="15" customHeight="1">
      <c r="A46" s="17" t="s">
        <v>89</v>
      </c>
      <c r="B46" s="17"/>
      <c r="C46" s="13">
        <v>20996</v>
      </c>
      <c r="D46" s="19">
        <v>10976</v>
      </c>
      <c r="E46" s="19">
        <v>10020</v>
      </c>
      <c r="F46" s="19"/>
      <c r="G46" s="18" t="s">
        <v>90</v>
      </c>
      <c r="H46" s="17"/>
      <c r="I46" s="13">
        <v>8081</v>
      </c>
      <c r="J46" s="19">
        <v>3264</v>
      </c>
      <c r="K46" s="19">
        <v>4817</v>
      </c>
    </row>
    <row r="47" spans="1:11" ht="20.100000000000001" customHeight="1">
      <c r="A47" s="17" t="s">
        <v>91</v>
      </c>
      <c r="B47" s="17"/>
      <c r="C47" s="13">
        <v>109847</v>
      </c>
      <c r="D47" s="14">
        <v>57485</v>
      </c>
      <c r="E47" s="14">
        <v>52362</v>
      </c>
      <c r="F47" s="14"/>
      <c r="G47" s="18" t="s">
        <v>92</v>
      </c>
      <c r="H47" s="17"/>
      <c r="I47" s="13">
        <v>30706</v>
      </c>
      <c r="J47" s="14">
        <v>10902</v>
      </c>
      <c r="K47" s="14">
        <v>19804</v>
      </c>
    </row>
    <row r="48" spans="1:11" ht="15" customHeight="1">
      <c r="A48" s="17" t="s">
        <v>93</v>
      </c>
      <c r="B48" s="17"/>
      <c r="C48" s="13">
        <v>21667</v>
      </c>
      <c r="D48" s="19">
        <v>11359</v>
      </c>
      <c r="E48" s="19">
        <v>10308</v>
      </c>
      <c r="F48" s="19"/>
      <c r="G48" s="18" t="s">
        <v>94</v>
      </c>
      <c r="H48" s="17"/>
      <c r="I48" s="13">
        <v>7811</v>
      </c>
      <c r="J48" s="19">
        <v>2946</v>
      </c>
      <c r="K48" s="19">
        <v>4865</v>
      </c>
    </row>
    <row r="49" spans="1:11" ht="15" customHeight="1">
      <c r="A49" s="17" t="s">
        <v>95</v>
      </c>
      <c r="B49" s="17"/>
      <c r="C49" s="13">
        <v>22272</v>
      </c>
      <c r="D49" s="19">
        <v>11611</v>
      </c>
      <c r="E49" s="19">
        <v>10661</v>
      </c>
      <c r="F49" s="19"/>
      <c r="G49" s="18" t="s">
        <v>96</v>
      </c>
      <c r="H49" s="17"/>
      <c r="I49" s="13">
        <v>6403</v>
      </c>
      <c r="J49" s="19">
        <v>2292</v>
      </c>
      <c r="K49" s="19">
        <v>4111</v>
      </c>
    </row>
    <row r="50" spans="1:11" ht="15" customHeight="1">
      <c r="A50" s="17" t="s">
        <v>97</v>
      </c>
      <c r="B50" s="17"/>
      <c r="C50" s="13">
        <v>22435</v>
      </c>
      <c r="D50" s="19">
        <v>11751</v>
      </c>
      <c r="E50" s="19">
        <v>10684</v>
      </c>
      <c r="F50" s="19"/>
      <c r="G50" s="18" t="s">
        <v>98</v>
      </c>
      <c r="H50" s="17"/>
      <c r="I50" s="13">
        <v>6121</v>
      </c>
      <c r="J50" s="19">
        <v>2252</v>
      </c>
      <c r="K50" s="19">
        <v>3869</v>
      </c>
    </row>
    <row r="51" spans="1:11" ht="15" customHeight="1">
      <c r="A51" s="17" t="s">
        <v>99</v>
      </c>
      <c r="B51" s="17"/>
      <c r="C51" s="13">
        <v>21717</v>
      </c>
      <c r="D51" s="19">
        <v>11459</v>
      </c>
      <c r="E51" s="19">
        <v>10258</v>
      </c>
      <c r="F51" s="19"/>
      <c r="G51" s="18" t="s">
        <v>100</v>
      </c>
      <c r="H51" s="17"/>
      <c r="I51" s="13">
        <v>5652</v>
      </c>
      <c r="J51" s="19">
        <v>1898</v>
      </c>
      <c r="K51" s="19">
        <v>3754</v>
      </c>
    </row>
    <row r="52" spans="1:11" ht="15" customHeight="1">
      <c r="A52" s="17" t="s">
        <v>101</v>
      </c>
      <c r="B52" s="17"/>
      <c r="C52" s="13">
        <v>21756</v>
      </c>
      <c r="D52" s="19">
        <v>11305</v>
      </c>
      <c r="E52" s="19">
        <v>10451</v>
      </c>
      <c r="F52" s="19"/>
      <c r="G52" s="18" t="s">
        <v>102</v>
      </c>
      <c r="H52" s="17"/>
      <c r="I52" s="13">
        <v>4719</v>
      </c>
      <c r="J52" s="19">
        <v>1514</v>
      </c>
      <c r="K52" s="19">
        <v>3205</v>
      </c>
    </row>
    <row r="53" spans="1:11" ht="20.100000000000001" customHeight="1">
      <c r="A53" s="17" t="s">
        <v>103</v>
      </c>
      <c r="B53" s="17"/>
      <c r="C53" s="13">
        <v>115772</v>
      </c>
      <c r="D53" s="14">
        <v>59963</v>
      </c>
      <c r="E53" s="14">
        <v>55809</v>
      </c>
      <c r="F53" s="14"/>
      <c r="G53" s="18" t="s">
        <v>104</v>
      </c>
      <c r="H53" s="17"/>
      <c r="I53" s="13">
        <v>14099</v>
      </c>
      <c r="J53" s="14">
        <v>4034</v>
      </c>
      <c r="K53" s="14">
        <v>10065</v>
      </c>
    </row>
    <row r="54" spans="1:11" ht="15" customHeight="1">
      <c r="A54" s="17" t="s">
        <v>105</v>
      </c>
      <c r="B54" s="17"/>
      <c r="C54" s="13">
        <v>21829</v>
      </c>
      <c r="D54" s="19">
        <v>11308</v>
      </c>
      <c r="E54" s="19">
        <v>10521</v>
      </c>
      <c r="F54" s="19"/>
      <c r="G54" s="18" t="s">
        <v>106</v>
      </c>
      <c r="H54" s="17"/>
      <c r="I54" s="13">
        <v>3965</v>
      </c>
      <c r="J54" s="19">
        <v>1207</v>
      </c>
      <c r="K54" s="19">
        <v>2758</v>
      </c>
    </row>
    <row r="55" spans="1:11" ht="15" customHeight="1">
      <c r="A55" s="17" t="s">
        <v>107</v>
      </c>
      <c r="B55" s="17"/>
      <c r="C55" s="13">
        <v>22663</v>
      </c>
      <c r="D55" s="19">
        <v>11784</v>
      </c>
      <c r="E55" s="19">
        <v>10879</v>
      </c>
      <c r="F55" s="19"/>
      <c r="G55" s="18" t="s">
        <v>108</v>
      </c>
      <c r="H55" s="17"/>
      <c r="I55" s="13">
        <v>3383</v>
      </c>
      <c r="J55" s="19">
        <v>1018</v>
      </c>
      <c r="K55" s="19">
        <v>2365</v>
      </c>
    </row>
    <row r="56" spans="1:11" ht="15" customHeight="1">
      <c r="A56" s="17" t="s">
        <v>109</v>
      </c>
      <c r="B56" s="17"/>
      <c r="C56" s="13">
        <v>23533</v>
      </c>
      <c r="D56" s="19">
        <v>12191</v>
      </c>
      <c r="E56" s="19">
        <v>11342</v>
      </c>
      <c r="F56" s="19"/>
      <c r="G56" s="18" t="s">
        <v>110</v>
      </c>
      <c r="H56" s="17"/>
      <c r="I56" s="13">
        <v>2915</v>
      </c>
      <c r="J56" s="19">
        <v>767</v>
      </c>
      <c r="K56" s="19">
        <v>2148</v>
      </c>
    </row>
    <row r="57" spans="1:11" ht="15" customHeight="1">
      <c r="A57" s="17" t="s">
        <v>111</v>
      </c>
      <c r="B57" s="17"/>
      <c r="C57" s="13">
        <v>23449</v>
      </c>
      <c r="D57" s="19">
        <v>12049</v>
      </c>
      <c r="E57" s="19">
        <v>11400</v>
      </c>
      <c r="F57" s="19"/>
      <c r="G57" s="18" t="s">
        <v>112</v>
      </c>
      <c r="H57" s="17"/>
      <c r="I57" s="13">
        <v>2165</v>
      </c>
      <c r="J57" s="19">
        <v>569</v>
      </c>
      <c r="K57" s="19">
        <v>1596</v>
      </c>
    </row>
    <row r="58" spans="1:11" ht="15" customHeight="1">
      <c r="A58" s="17" t="s">
        <v>113</v>
      </c>
      <c r="B58" s="17"/>
      <c r="C58" s="13">
        <v>24298</v>
      </c>
      <c r="D58" s="19">
        <v>12631</v>
      </c>
      <c r="E58" s="19">
        <v>11667</v>
      </c>
      <c r="F58" s="19"/>
      <c r="G58" s="18" t="s">
        <v>114</v>
      </c>
      <c r="H58" s="17"/>
      <c r="I58" s="13">
        <v>1671</v>
      </c>
      <c r="J58" s="19">
        <v>473</v>
      </c>
      <c r="K58" s="19">
        <v>1198</v>
      </c>
    </row>
    <row r="59" spans="1:11" ht="20.100000000000001" customHeight="1">
      <c r="A59" s="17" t="s">
        <v>115</v>
      </c>
      <c r="B59" s="17"/>
      <c r="C59" s="13">
        <v>129575</v>
      </c>
      <c r="D59" s="14">
        <v>67177</v>
      </c>
      <c r="E59" s="14">
        <v>62398</v>
      </c>
      <c r="F59" s="14"/>
      <c r="G59" s="18" t="s">
        <v>116</v>
      </c>
      <c r="H59" s="17"/>
      <c r="I59" s="13">
        <v>3787</v>
      </c>
      <c r="J59" s="14">
        <v>803</v>
      </c>
      <c r="K59" s="14">
        <v>2984</v>
      </c>
    </row>
    <row r="60" spans="1:11" ht="15" customHeight="1">
      <c r="A60" s="17" t="s">
        <v>117</v>
      </c>
      <c r="B60" s="17"/>
      <c r="C60" s="13">
        <v>24578</v>
      </c>
      <c r="D60" s="19">
        <v>12858</v>
      </c>
      <c r="E60" s="19">
        <v>11720</v>
      </c>
      <c r="F60" s="19"/>
      <c r="G60" s="18" t="s">
        <v>118</v>
      </c>
      <c r="H60" s="17"/>
      <c r="I60" s="13">
        <v>1329</v>
      </c>
      <c r="J60" s="19">
        <v>348</v>
      </c>
      <c r="K60" s="19">
        <v>981</v>
      </c>
    </row>
    <row r="61" spans="1:11" ht="15" customHeight="1">
      <c r="A61" s="17" t="s">
        <v>119</v>
      </c>
      <c r="B61" s="17"/>
      <c r="C61" s="13">
        <v>26137</v>
      </c>
      <c r="D61" s="19">
        <v>13682</v>
      </c>
      <c r="E61" s="19">
        <v>12455</v>
      </c>
      <c r="F61" s="19"/>
      <c r="G61" s="18" t="s">
        <v>120</v>
      </c>
      <c r="H61" s="17"/>
      <c r="I61" s="13">
        <v>908</v>
      </c>
      <c r="J61" s="19">
        <v>182</v>
      </c>
      <c r="K61" s="19">
        <v>726</v>
      </c>
    </row>
    <row r="62" spans="1:11" ht="15" customHeight="1">
      <c r="A62" s="17" t="s">
        <v>121</v>
      </c>
      <c r="B62" s="17"/>
      <c r="C62" s="13">
        <v>26689</v>
      </c>
      <c r="D62" s="19">
        <v>14045</v>
      </c>
      <c r="E62" s="19">
        <v>12644</v>
      </c>
      <c r="F62" s="19"/>
      <c r="G62" s="18" t="s">
        <v>122</v>
      </c>
      <c r="H62" s="17"/>
      <c r="I62" s="13">
        <v>667</v>
      </c>
      <c r="J62" s="19">
        <v>134</v>
      </c>
      <c r="K62" s="19">
        <v>533</v>
      </c>
    </row>
    <row r="63" spans="1:11" ht="15" customHeight="1">
      <c r="A63" s="17" t="s">
        <v>123</v>
      </c>
      <c r="B63" s="17"/>
      <c r="C63" s="13">
        <v>26335</v>
      </c>
      <c r="D63" s="19">
        <v>13407</v>
      </c>
      <c r="E63" s="19">
        <v>12928</v>
      </c>
      <c r="F63" s="19"/>
      <c r="G63" s="18" t="s">
        <v>124</v>
      </c>
      <c r="H63" s="17"/>
      <c r="I63" s="13">
        <v>512</v>
      </c>
      <c r="J63" s="19">
        <v>93</v>
      </c>
      <c r="K63" s="19">
        <v>419</v>
      </c>
    </row>
    <row r="64" spans="1:11" ht="15" customHeight="1">
      <c r="A64" s="17" t="s">
        <v>125</v>
      </c>
      <c r="B64" s="17"/>
      <c r="C64" s="13">
        <v>25836</v>
      </c>
      <c r="D64" s="19">
        <v>13185</v>
      </c>
      <c r="E64" s="19">
        <v>12651</v>
      </c>
      <c r="F64" s="19"/>
      <c r="G64" s="18" t="s">
        <v>126</v>
      </c>
      <c r="H64" s="17"/>
      <c r="I64" s="13">
        <v>371</v>
      </c>
      <c r="J64" s="19">
        <v>46</v>
      </c>
      <c r="K64" s="19">
        <v>32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31</v>
      </c>
      <c r="J65" s="19">
        <v>92</v>
      </c>
      <c r="K65" s="19">
        <v>53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6350</v>
      </c>
      <c r="J66" s="29">
        <v>24415</v>
      </c>
      <c r="K66" s="29">
        <v>21935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2470</v>
      </c>
      <c r="D4" s="14">
        <v>124765</v>
      </c>
      <c r="E4" s="14">
        <v>10770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725</v>
      </c>
      <c r="D5" s="14">
        <v>4036</v>
      </c>
      <c r="E5" s="14">
        <v>3689</v>
      </c>
      <c r="F5" s="14"/>
      <c r="G5" s="18" t="s">
        <v>8</v>
      </c>
      <c r="H5" s="17"/>
      <c r="I5" s="13">
        <v>16826</v>
      </c>
      <c r="J5" s="14">
        <v>9537</v>
      </c>
      <c r="K5" s="14">
        <v>7289</v>
      </c>
    </row>
    <row r="6" spans="1:11" ht="15" customHeight="1">
      <c r="A6" s="17" t="s">
        <v>9</v>
      </c>
      <c r="B6" s="17"/>
      <c r="C6" s="13">
        <v>1432</v>
      </c>
      <c r="D6" s="19">
        <v>743</v>
      </c>
      <c r="E6" s="19">
        <v>689</v>
      </c>
      <c r="F6" s="19"/>
      <c r="G6" s="18" t="s">
        <v>10</v>
      </c>
      <c r="H6" s="17"/>
      <c r="I6" s="13">
        <v>3838</v>
      </c>
      <c r="J6" s="19">
        <v>2203</v>
      </c>
      <c r="K6" s="19">
        <v>1635</v>
      </c>
    </row>
    <row r="7" spans="1:11" ht="15" customHeight="1">
      <c r="A7" s="17" t="s">
        <v>11</v>
      </c>
      <c r="B7" s="17"/>
      <c r="C7" s="13">
        <v>1524</v>
      </c>
      <c r="D7" s="19">
        <v>833</v>
      </c>
      <c r="E7" s="19">
        <v>691</v>
      </c>
      <c r="F7" s="19"/>
      <c r="G7" s="18" t="s">
        <v>12</v>
      </c>
      <c r="H7" s="17"/>
      <c r="I7" s="13">
        <v>3568</v>
      </c>
      <c r="J7" s="19">
        <v>1994</v>
      </c>
      <c r="K7" s="19">
        <v>1574</v>
      </c>
    </row>
    <row r="8" spans="1:11" ht="15" customHeight="1">
      <c r="A8" s="17" t="s">
        <v>13</v>
      </c>
      <c r="B8" s="17"/>
      <c r="C8" s="13">
        <v>1520</v>
      </c>
      <c r="D8" s="19">
        <v>788</v>
      </c>
      <c r="E8" s="19">
        <v>732</v>
      </c>
      <c r="F8" s="19"/>
      <c r="G8" s="18" t="s">
        <v>14</v>
      </c>
      <c r="H8" s="17"/>
      <c r="I8" s="13">
        <v>3544</v>
      </c>
      <c r="J8" s="19">
        <v>2006</v>
      </c>
      <c r="K8" s="19">
        <v>1538</v>
      </c>
    </row>
    <row r="9" spans="1:11" ht="15" customHeight="1">
      <c r="A9" s="17" t="s">
        <v>15</v>
      </c>
      <c r="B9" s="17"/>
      <c r="C9" s="13">
        <v>1626</v>
      </c>
      <c r="D9" s="19">
        <v>841</v>
      </c>
      <c r="E9" s="19">
        <v>785</v>
      </c>
      <c r="F9" s="19"/>
      <c r="G9" s="18" t="s">
        <v>16</v>
      </c>
      <c r="H9" s="17"/>
      <c r="I9" s="13">
        <v>3384</v>
      </c>
      <c r="J9" s="19">
        <v>1888</v>
      </c>
      <c r="K9" s="19">
        <v>1496</v>
      </c>
    </row>
    <row r="10" spans="1:11" ht="15" customHeight="1">
      <c r="A10" s="17" t="s">
        <v>17</v>
      </c>
      <c r="B10" s="17"/>
      <c r="C10" s="13">
        <v>1623</v>
      </c>
      <c r="D10" s="19">
        <v>831</v>
      </c>
      <c r="E10" s="19">
        <v>792</v>
      </c>
      <c r="F10" s="19"/>
      <c r="G10" s="18" t="s">
        <v>18</v>
      </c>
      <c r="H10" s="17"/>
      <c r="I10" s="13">
        <v>2492</v>
      </c>
      <c r="J10" s="19">
        <v>1446</v>
      </c>
      <c r="K10" s="19">
        <v>1046</v>
      </c>
    </row>
    <row r="11" spans="1:11" ht="20.100000000000001" customHeight="1">
      <c r="A11" s="17" t="s">
        <v>19</v>
      </c>
      <c r="B11" s="17"/>
      <c r="C11" s="13">
        <v>8422</v>
      </c>
      <c r="D11" s="14">
        <v>4353</v>
      </c>
      <c r="E11" s="14">
        <v>4069</v>
      </c>
      <c r="F11" s="14"/>
      <c r="G11" s="18" t="s">
        <v>20</v>
      </c>
      <c r="H11" s="17"/>
      <c r="I11" s="13">
        <v>13989</v>
      </c>
      <c r="J11" s="14">
        <v>7907</v>
      </c>
      <c r="K11" s="14">
        <v>6082</v>
      </c>
    </row>
    <row r="12" spans="1:11" ht="15" customHeight="1">
      <c r="A12" s="17" t="s">
        <v>21</v>
      </c>
      <c r="B12" s="17"/>
      <c r="C12" s="13">
        <v>1744</v>
      </c>
      <c r="D12" s="19">
        <v>878</v>
      </c>
      <c r="E12" s="19">
        <v>866</v>
      </c>
      <c r="F12" s="19"/>
      <c r="G12" s="18" t="s">
        <v>22</v>
      </c>
      <c r="H12" s="17"/>
      <c r="I12" s="13">
        <v>3147</v>
      </c>
      <c r="J12" s="19">
        <v>1795</v>
      </c>
      <c r="K12" s="19">
        <v>1352</v>
      </c>
    </row>
    <row r="13" spans="1:11" ht="15" customHeight="1">
      <c r="A13" s="17" t="s">
        <v>23</v>
      </c>
      <c r="B13" s="17"/>
      <c r="C13" s="13">
        <v>1620</v>
      </c>
      <c r="D13" s="19">
        <v>831</v>
      </c>
      <c r="E13" s="19">
        <v>789</v>
      </c>
      <c r="F13" s="19"/>
      <c r="G13" s="18" t="s">
        <v>24</v>
      </c>
      <c r="H13" s="17"/>
      <c r="I13" s="13">
        <v>2950</v>
      </c>
      <c r="J13" s="19">
        <v>1646</v>
      </c>
      <c r="K13" s="19">
        <v>1304</v>
      </c>
    </row>
    <row r="14" spans="1:11" ht="15" customHeight="1">
      <c r="A14" s="17" t="s">
        <v>25</v>
      </c>
      <c r="B14" s="17"/>
      <c r="C14" s="13">
        <v>1724</v>
      </c>
      <c r="D14" s="19">
        <v>932</v>
      </c>
      <c r="E14" s="19">
        <v>792</v>
      </c>
      <c r="F14" s="19"/>
      <c r="G14" s="18" t="s">
        <v>26</v>
      </c>
      <c r="H14" s="17"/>
      <c r="I14" s="13">
        <v>2769</v>
      </c>
      <c r="J14" s="19">
        <v>1564</v>
      </c>
      <c r="K14" s="19">
        <v>1205</v>
      </c>
    </row>
    <row r="15" spans="1:11" ht="15" customHeight="1">
      <c r="A15" s="17" t="s">
        <v>27</v>
      </c>
      <c r="B15" s="17"/>
      <c r="C15" s="13">
        <v>1718</v>
      </c>
      <c r="D15" s="19">
        <v>896</v>
      </c>
      <c r="E15" s="19">
        <v>822</v>
      </c>
      <c r="F15" s="19"/>
      <c r="G15" s="18" t="s">
        <v>28</v>
      </c>
      <c r="H15" s="17"/>
      <c r="I15" s="13">
        <v>2622</v>
      </c>
      <c r="J15" s="19">
        <v>1502</v>
      </c>
      <c r="K15" s="19">
        <v>1120</v>
      </c>
    </row>
    <row r="16" spans="1:11" ht="15" customHeight="1">
      <c r="A16" s="17" t="s">
        <v>29</v>
      </c>
      <c r="B16" s="17"/>
      <c r="C16" s="13">
        <v>1616</v>
      </c>
      <c r="D16" s="19">
        <v>816</v>
      </c>
      <c r="E16" s="19">
        <v>800</v>
      </c>
      <c r="F16" s="19"/>
      <c r="G16" s="18" t="s">
        <v>30</v>
      </c>
      <c r="H16" s="17"/>
      <c r="I16" s="13">
        <v>2501</v>
      </c>
      <c r="J16" s="19">
        <v>1400</v>
      </c>
      <c r="K16" s="19">
        <v>1101</v>
      </c>
    </row>
    <row r="17" spans="1:11" ht="20.100000000000001" customHeight="1">
      <c r="A17" s="20" t="s">
        <v>31</v>
      </c>
      <c r="B17" s="20"/>
      <c r="C17" s="13">
        <v>8477</v>
      </c>
      <c r="D17" s="14">
        <v>4315</v>
      </c>
      <c r="E17" s="14">
        <v>4162</v>
      </c>
      <c r="F17" s="14"/>
      <c r="G17" s="18" t="s">
        <v>32</v>
      </c>
      <c r="H17" s="17"/>
      <c r="I17" s="13">
        <v>11476</v>
      </c>
      <c r="J17" s="14">
        <v>6299</v>
      </c>
      <c r="K17" s="14">
        <v>5177</v>
      </c>
    </row>
    <row r="18" spans="1:11" ht="15" customHeight="1">
      <c r="A18" s="17" t="s">
        <v>33</v>
      </c>
      <c r="B18" s="17"/>
      <c r="C18" s="13">
        <v>1704</v>
      </c>
      <c r="D18" s="19">
        <v>853</v>
      </c>
      <c r="E18" s="19">
        <v>851</v>
      </c>
      <c r="F18" s="19"/>
      <c r="G18" s="18" t="s">
        <v>34</v>
      </c>
      <c r="H18" s="17"/>
      <c r="I18" s="13">
        <v>2405</v>
      </c>
      <c r="J18" s="19">
        <v>1334</v>
      </c>
      <c r="K18" s="19">
        <v>1071</v>
      </c>
    </row>
    <row r="19" spans="1:11" ht="15" customHeight="1">
      <c r="A19" s="17" t="s">
        <v>35</v>
      </c>
      <c r="B19" s="17"/>
      <c r="C19" s="13">
        <v>1616</v>
      </c>
      <c r="D19" s="19">
        <v>839</v>
      </c>
      <c r="E19" s="19">
        <v>777</v>
      </c>
      <c r="F19" s="19"/>
      <c r="G19" s="18" t="s">
        <v>36</v>
      </c>
      <c r="H19" s="17"/>
      <c r="I19" s="13">
        <v>2303</v>
      </c>
      <c r="J19" s="19">
        <v>1245</v>
      </c>
      <c r="K19" s="19">
        <v>1058</v>
      </c>
    </row>
    <row r="20" spans="1:11" ht="15" customHeight="1">
      <c r="A20" s="17" t="s">
        <v>37</v>
      </c>
      <c r="B20" s="17"/>
      <c r="C20" s="13">
        <v>1692</v>
      </c>
      <c r="D20" s="19">
        <v>859</v>
      </c>
      <c r="E20" s="19">
        <v>833</v>
      </c>
      <c r="F20" s="19"/>
      <c r="G20" s="18" t="s">
        <v>38</v>
      </c>
      <c r="H20" s="17"/>
      <c r="I20" s="13">
        <v>2330</v>
      </c>
      <c r="J20" s="19">
        <v>1247</v>
      </c>
      <c r="K20" s="19">
        <v>1083</v>
      </c>
    </row>
    <row r="21" spans="1:11" ht="15" customHeight="1">
      <c r="A21" s="17" t="s">
        <v>39</v>
      </c>
      <c r="B21" s="17"/>
      <c r="C21" s="13">
        <v>1771</v>
      </c>
      <c r="D21" s="19">
        <v>883</v>
      </c>
      <c r="E21" s="19">
        <v>888</v>
      </c>
      <c r="F21" s="19"/>
      <c r="G21" s="18" t="s">
        <v>40</v>
      </c>
      <c r="H21" s="17"/>
      <c r="I21" s="13">
        <v>2227</v>
      </c>
      <c r="J21" s="19">
        <v>1259</v>
      </c>
      <c r="K21" s="19">
        <v>968</v>
      </c>
    </row>
    <row r="22" spans="1:11" ht="15" customHeight="1">
      <c r="A22" s="17" t="s">
        <v>41</v>
      </c>
      <c r="B22" s="17"/>
      <c r="C22" s="13">
        <v>1694</v>
      </c>
      <c r="D22" s="19">
        <v>881</v>
      </c>
      <c r="E22" s="19">
        <v>813</v>
      </c>
      <c r="F22" s="19"/>
      <c r="G22" s="18" t="s">
        <v>42</v>
      </c>
      <c r="H22" s="17"/>
      <c r="I22" s="13">
        <v>2211</v>
      </c>
      <c r="J22" s="19">
        <v>1214</v>
      </c>
      <c r="K22" s="19">
        <v>997</v>
      </c>
    </row>
    <row r="23" spans="1:11" ht="20.100000000000001" customHeight="1">
      <c r="A23" s="17" t="s">
        <v>43</v>
      </c>
      <c r="B23" s="17"/>
      <c r="C23" s="13">
        <v>8607</v>
      </c>
      <c r="D23" s="14">
        <v>4459</v>
      </c>
      <c r="E23" s="14">
        <v>4148</v>
      </c>
      <c r="F23" s="14"/>
      <c r="G23" s="18" t="s">
        <v>44</v>
      </c>
      <c r="H23" s="17"/>
      <c r="I23" s="13">
        <v>11961</v>
      </c>
      <c r="J23" s="14">
        <v>6534</v>
      </c>
      <c r="K23" s="14">
        <v>5427</v>
      </c>
    </row>
    <row r="24" spans="1:11" ht="15" customHeight="1">
      <c r="A24" s="17" t="s">
        <v>45</v>
      </c>
      <c r="B24" s="17"/>
      <c r="C24" s="13">
        <v>1591</v>
      </c>
      <c r="D24" s="19">
        <v>806</v>
      </c>
      <c r="E24" s="19">
        <v>785</v>
      </c>
      <c r="F24" s="19"/>
      <c r="G24" s="18" t="s">
        <v>46</v>
      </c>
      <c r="H24" s="17"/>
      <c r="I24" s="13">
        <v>2262</v>
      </c>
      <c r="J24" s="19">
        <v>1259</v>
      </c>
      <c r="K24" s="19">
        <v>1003</v>
      </c>
    </row>
    <row r="25" spans="1:11" ht="15" customHeight="1">
      <c r="A25" s="17" t="s">
        <v>47</v>
      </c>
      <c r="B25" s="17"/>
      <c r="C25" s="13">
        <v>1664</v>
      </c>
      <c r="D25" s="19">
        <v>855</v>
      </c>
      <c r="E25" s="19">
        <v>809</v>
      </c>
      <c r="F25" s="19"/>
      <c r="G25" s="18" t="s">
        <v>48</v>
      </c>
      <c r="H25" s="17"/>
      <c r="I25" s="13">
        <v>2230</v>
      </c>
      <c r="J25" s="19">
        <v>1222</v>
      </c>
      <c r="K25" s="19">
        <v>1008</v>
      </c>
    </row>
    <row r="26" spans="1:11" ht="15" customHeight="1">
      <c r="A26" s="17" t="s">
        <v>49</v>
      </c>
      <c r="B26" s="17"/>
      <c r="C26" s="13">
        <v>1636</v>
      </c>
      <c r="D26" s="19">
        <v>841</v>
      </c>
      <c r="E26" s="19">
        <v>795</v>
      </c>
      <c r="F26" s="19"/>
      <c r="G26" s="18" t="s">
        <v>50</v>
      </c>
      <c r="H26" s="17"/>
      <c r="I26" s="13">
        <v>2302</v>
      </c>
      <c r="J26" s="19">
        <v>1230</v>
      </c>
      <c r="K26" s="19">
        <v>1072</v>
      </c>
    </row>
    <row r="27" spans="1:11" ht="15" customHeight="1">
      <c r="A27" s="17" t="s">
        <v>51</v>
      </c>
      <c r="B27" s="17"/>
      <c r="C27" s="13">
        <v>1731</v>
      </c>
      <c r="D27" s="19">
        <v>882</v>
      </c>
      <c r="E27" s="19">
        <v>849</v>
      </c>
      <c r="F27" s="19"/>
      <c r="G27" s="18" t="s">
        <v>52</v>
      </c>
      <c r="H27" s="17"/>
      <c r="I27" s="13">
        <v>2591</v>
      </c>
      <c r="J27" s="19">
        <v>1403</v>
      </c>
      <c r="K27" s="19">
        <v>1188</v>
      </c>
    </row>
    <row r="28" spans="1:11" ht="15" customHeight="1">
      <c r="A28" s="17" t="s">
        <v>53</v>
      </c>
      <c r="B28" s="17"/>
      <c r="C28" s="13">
        <v>1985</v>
      </c>
      <c r="D28" s="19">
        <v>1075</v>
      </c>
      <c r="E28" s="19">
        <v>910</v>
      </c>
      <c r="F28" s="19"/>
      <c r="G28" s="18" t="s">
        <v>54</v>
      </c>
      <c r="H28" s="17"/>
      <c r="I28" s="13">
        <v>2576</v>
      </c>
      <c r="J28" s="19">
        <v>1420</v>
      </c>
      <c r="K28" s="19">
        <v>1156</v>
      </c>
    </row>
    <row r="29" spans="1:11" ht="20.100000000000001" customHeight="1">
      <c r="A29" s="17" t="s">
        <v>55</v>
      </c>
      <c r="B29" s="17"/>
      <c r="C29" s="13">
        <v>12615</v>
      </c>
      <c r="D29" s="14">
        <v>6775</v>
      </c>
      <c r="E29" s="14">
        <v>5840</v>
      </c>
      <c r="F29" s="14"/>
      <c r="G29" s="18" t="s">
        <v>56</v>
      </c>
      <c r="H29" s="17"/>
      <c r="I29" s="13">
        <v>13104</v>
      </c>
      <c r="J29" s="14">
        <v>6849</v>
      </c>
      <c r="K29" s="14">
        <v>6255</v>
      </c>
    </row>
    <row r="30" spans="1:11" ht="15" customHeight="1">
      <c r="A30" s="17" t="s">
        <v>57</v>
      </c>
      <c r="B30" s="17"/>
      <c r="C30" s="13">
        <v>1988</v>
      </c>
      <c r="D30" s="19">
        <v>1043</v>
      </c>
      <c r="E30" s="19">
        <v>945</v>
      </c>
      <c r="F30" s="19"/>
      <c r="G30" s="18" t="s">
        <v>58</v>
      </c>
      <c r="H30" s="17"/>
      <c r="I30" s="13">
        <v>2671</v>
      </c>
      <c r="J30" s="19">
        <v>1479</v>
      </c>
      <c r="K30" s="19">
        <v>1192</v>
      </c>
    </row>
    <row r="31" spans="1:11" ht="15" customHeight="1">
      <c r="A31" s="17" t="s">
        <v>59</v>
      </c>
      <c r="B31" s="17"/>
      <c r="C31" s="13">
        <v>2098</v>
      </c>
      <c r="D31" s="19">
        <v>1123</v>
      </c>
      <c r="E31" s="19">
        <v>975</v>
      </c>
      <c r="F31" s="19"/>
      <c r="G31" s="18" t="s">
        <v>60</v>
      </c>
      <c r="H31" s="17"/>
      <c r="I31" s="13">
        <v>3038</v>
      </c>
      <c r="J31" s="19">
        <v>1602</v>
      </c>
      <c r="K31" s="19">
        <v>1436</v>
      </c>
    </row>
    <row r="32" spans="1:11" ht="15" customHeight="1">
      <c r="A32" s="17" t="s">
        <v>61</v>
      </c>
      <c r="B32" s="17"/>
      <c r="C32" s="13">
        <v>2429</v>
      </c>
      <c r="D32" s="19">
        <v>1277</v>
      </c>
      <c r="E32" s="19">
        <v>1152</v>
      </c>
      <c r="F32" s="19"/>
      <c r="G32" s="18" t="s">
        <v>62</v>
      </c>
      <c r="H32" s="17"/>
      <c r="I32" s="13">
        <v>2758</v>
      </c>
      <c r="J32" s="19">
        <v>1419</v>
      </c>
      <c r="K32" s="19">
        <v>1339</v>
      </c>
    </row>
    <row r="33" spans="1:11" ht="15" customHeight="1">
      <c r="A33" s="17" t="s">
        <v>63</v>
      </c>
      <c r="B33" s="17"/>
      <c r="C33" s="13">
        <v>2936</v>
      </c>
      <c r="D33" s="19">
        <v>1606</v>
      </c>
      <c r="E33" s="19">
        <v>1330</v>
      </c>
      <c r="F33" s="19"/>
      <c r="G33" s="18" t="s">
        <v>64</v>
      </c>
      <c r="H33" s="17"/>
      <c r="I33" s="13">
        <v>2766</v>
      </c>
      <c r="J33" s="19">
        <v>1412</v>
      </c>
      <c r="K33" s="19">
        <v>1354</v>
      </c>
    </row>
    <row r="34" spans="1:11" ht="15" customHeight="1">
      <c r="A34" s="17" t="s">
        <v>65</v>
      </c>
      <c r="B34" s="17"/>
      <c r="C34" s="13">
        <v>3164</v>
      </c>
      <c r="D34" s="19">
        <v>1726</v>
      </c>
      <c r="E34" s="19">
        <v>1438</v>
      </c>
      <c r="F34" s="19"/>
      <c r="G34" s="18" t="s">
        <v>66</v>
      </c>
      <c r="H34" s="17"/>
      <c r="I34" s="13">
        <v>1871</v>
      </c>
      <c r="J34" s="19">
        <v>937</v>
      </c>
      <c r="K34" s="19">
        <v>934</v>
      </c>
    </row>
    <row r="35" spans="1:11" ht="20.100000000000001" customHeight="1">
      <c r="A35" s="17" t="s">
        <v>67</v>
      </c>
      <c r="B35" s="17"/>
      <c r="C35" s="13">
        <v>16120</v>
      </c>
      <c r="D35" s="14">
        <v>9182</v>
      </c>
      <c r="E35" s="14">
        <v>6938</v>
      </c>
      <c r="F35" s="14"/>
      <c r="G35" s="18" t="s">
        <v>68</v>
      </c>
      <c r="H35" s="17"/>
      <c r="I35" s="13">
        <v>9751</v>
      </c>
      <c r="J35" s="14">
        <v>4763</v>
      </c>
      <c r="K35" s="14">
        <v>4988</v>
      </c>
    </row>
    <row r="36" spans="1:11" ht="15" customHeight="1">
      <c r="A36" s="17" t="s">
        <v>69</v>
      </c>
      <c r="B36" s="17"/>
      <c r="C36" s="13">
        <v>3179</v>
      </c>
      <c r="D36" s="19">
        <v>1820</v>
      </c>
      <c r="E36" s="19">
        <v>1359</v>
      </c>
      <c r="F36" s="19"/>
      <c r="G36" s="18" t="s">
        <v>70</v>
      </c>
      <c r="H36" s="17"/>
      <c r="I36" s="13">
        <v>1678</v>
      </c>
      <c r="J36" s="19">
        <v>871</v>
      </c>
      <c r="K36" s="19">
        <v>807</v>
      </c>
    </row>
    <row r="37" spans="1:11" ht="15" customHeight="1">
      <c r="A37" s="17" t="s">
        <v>71</v>
      </c>
      <c r="B37" s="17"/>
      <c r="C37" s="13">
        <v>3337</v>
      </c>
      <c r="D37" s="19">
        <v>1912</v>
      </c>
      <c r="E37" s="19">
        <v>1425</v>
      </c>
      <c r="F37" s="19"/>
      <c r="G37" s="18" t="s">
        <v>72</v>
      </c>
      <c r="H37" s="17"/>
      <c r="I37" s="13">
        <v>2012</v>
      </c>
      <c r="J37" s="19">
        <v>988</v>
      </c>
      <c r="K37" s="19">
        <v>1024</v>
      </c>
    </row>
    <row r="38" spans="1:11" ht="15" customHeight="1">
      <c r="A38" s="17" t="s">
        <v>73</v>
      </c>
      <c r="B38" s="17"/>
      <c r="C38" s="13">
        <v>3194</v>
      </c>
      <c r="D38" s="19">
        <v>1855</v>
      </c>
      <c r="E38" s="19">
        <v>1339</v>
      </c>
      <c r="F38" s="19"/>
      <c r="G38" s="18" t="s">
        <v>74</v>
      </c>
      <c r="H38" s="17"/>
      <c r="I38" s="13">
        <v>2133</v>
      </c>
      <c r="J38" s="19">
        <v>1054</v>
      </c>
      <c r="K38" s="19">
        <v>1079</v>
      </c>
    </row>
    <row r="39" spans="1:11" ht="15" customHeight="1">
      <c r="A39" s="17" t="s">
        <v>75</v>
      </c>
      <c r="B39" s="17"/>
      <c r="C39" s="13">
        <v>3289</v>
      </c>
      <c r="D39" s="19">
        <v>1818</v>
      </c>
      <c r="E39" s="19">
        <v>1471</v>
      </c>
      <c r="F39" s="19"/>
      <c r="G39" s="18" t="s">
        <v>76</v>
      </c>
      <c r="H39" s="17"/>
      <c r="I39" s="13">
        <v>1977</v>
      </c>
      <c r="J39" s="19">
        <v>953</v>
      </c>
      <c r="K39" s="19">
        <v>1024</v>
      </c>
    </row>
    <row r="40" spans="1:11" ht="15" customHeight="1">
      <c r="A40" s="17" t="s">
        <v>77</v>
      </c>
      <c r="B40" s="17"/>
      <c r="C40" s="13">
        <v>3121</v>
      </c>
      <c r="D40" s="19">
        <v>1777</v>
      </c>
      <c r="E40" s="19">
        <v>1344</v>
      </c>
      <c r="F40" s="19"/>
      <c r="G40" s="18" t="s">
        <v>78</v>
      </c>
      <c r="H40" s="17"/>
      <c r="I40" s="13">
        <v>1951</v>
      </c>
      <c r="J40" s="19">
        <v>897</v>
      </c>
      <c r="K40" s="19">
        <v>1054</v>
      </c>
    </row>
    <row r="41" spans="1:11" ht="20.100000000000001" customHeight="1">
      <c r="A41" s="17" t="s">
        <v>79</v>
      </c>
      <c r="B41" s="17"/>
      <c r="C41" s="13">
        <v>15294</v>
      </c>
      <c r="D41" s="14">
        <v>8684</v>
      </c>
      <c r="E41" s="14">
        <v>6610</v>
      </c>
      <c r="F41" s="14"/>
      <c r="G41" s="18" t="s">
        <v>80</v>
      </c>
      <c r="H41" s="17"/>
      <c r="I41" s="13">
        <v>7273</v>
      </c>
      <c r="J41" s="14">
        <v>2996</v>
      </c>
      <c r="K41" s="14">
        <v>4277</v>
      </c>
    </row>
    <row r="42" spans="1:11" ht="15" customHeight="1">
      <c r="A42" s="17" t="s">
        <v>81</v>
      </c>
      <c r="B42" s="17"/>
      <c r="C42" s="13">
        <v>3059</v>
      </c>
      <c r="D42" s="19">
        <v>1755</v>
      </c>
      <c r="E42" s="19">
        <v>1304</v>
      </c>
      <c r="F42" s="19"/>
      <c r="G42" s="18" t="s">
        <v>82</v>
      </c>
      <c r="H42" s="17"/>
      <c r="I42" s="13">
        <v>1697</v>
      </c>
      <c r="J42" s="19">
        <v>723</v>
      </c>
      <c r="K42" s="19">
        <v>974</v>
      </c>
    </row>
    <row r="43" spans="1:11" ht="15" customHeight="1">
      <c r="A43" s="17" t="s">
        <v>83</v>
      </c>
      <c r="B43" s="17"/>
      <c r="C43" s="13">
        <v>3072</v>
      </c>
      <c r="D43" s="19">
        <v>1715</v>
      </c>
      <c r="E43" s="19">
        <v>1357</v>
      </c>
      <c r="F43" s="19"/>
      <c r="G43" s="18" t="s">
        <v>84</v>
      </c>
      <c r="H43" s="17"/>
      <c r="I43" s="13">
        <v>1389</v>
      </c>
      <c r="J43" s="19">
        <v>612</v>
      </c>
      <c r="K43" s="19">
        <v>777</v>
      </c>
    </row>
    <row r="44" spans="1:11" ht="15" customHeight="1">
      <c r="A44" s="17" t="s">
        <v>85</v>
      </c>
      <c r="B44" s="17"/>
      <c r="C44" s="13">
        <v>3160</v>
      </c>
      <c r="D44" s="19">
        <v>1791</v>
      </c>
      <c r="E44" s="19">
        <v>1369</v>
      </c>
      <c r="F44" s="19"/>
      <c r="G44" s="18" t="s">
        <v>86</v>
      </c>
      <c r="H44" s="17"/>
      <c r="I44" s="13">
        <v>1342</v>
      </c>
      <c r="J44" s="19">
        <v>544</v>
      </c>
      <c r="K44" s="19">
        <v>798</v>
      </c>
    </row>
    <row r="45" spans="1:11" ht="15" customHeight="1">
      <c r="A45" s="17" t="s">
        <v>87</v>
      </c>
      <c r="B45" s="17"/>
      <c r="C45" s="13">
        <v>2956</v>
      </c>
      <c r="D45" s="19">
        <v>1694</v>
      </c>
      <c r="E45" s="19">
        <v>1262</v>
      </c>
      <c r="F45" s="19"/>
      <c r="G45" s="18" t="s">
        <v>88</v>
      </c>
      <c r="H45" s="17"/>
      <c r="I45" s="13">
        <v>1514</v>
      </c>
      <c r="J45" s="19">
        <v>605</v>
      </c>
      <c r="K45" s="19">
        <v>909</v>
      </c>
    </row>
    <row r="46" spans="1:11" ht="15" customHeight="1">
      <c r="A46" s="17" t="s">
        <v>89</v>
      </c>
      <c r="B46" s="17"/>
      <c r="C46" s="13">
        <v>3047</v>
      </c>
      <c r="D46" s="19">
        <v>1729</v>
      </c>
      <c r="E46" s="19">
        <v>1318</v>
      </c>
      <c r="F46" s="19"/>
      <c r="G46" s="18" t="s">
        <v>90</v>
      </c>
      <c r="H46" s="17"/>
      <c r="I46" s="13">
        <v>1331</v>
      </c>
      <c r="J46" s="19">
        <v>512</v>
      </c>
      <c r="K46" s="19">
        <v>819</v>
      </c>
    </row>
    <row r="47" spans="1:11" ht="20.100000000000001" customHeight="1">
      <c r="A47" s="17" t="s">
        <v>91</v>
      </c>
      <c r="B47" s="17"/>
      <c r="C47" s="13">
        <v>16089</v>
      </c>
      <c r="D47" s="14">
        <v>9107</v>
      </c>
      <c r="E47" s="14">
        <v>6982</v>
      </c>
      <c r="F47" s="14"/>
      <c r="G47" s="18" t="s">
        <v>92</v>
      </c>
      <c r="H47" s="17"/>
      <c r="I47" s="13">
        <v>4884</v>
      </c>
      <c r="J47" s="14">
        <v>1676</v>
      </c>
      <c r="K47" s="14">
        <v>3208</v>
      </c>
    </row>
    <row r="48" spans="1:11" ht="15" customHeight="1">
      <c r="A48" s="17" t="s">
        <v>93</v>
      </c>
      <c r="B48" s="17"/>
      <c r="C48" s="13">
        <v>3228</v>
      </c>
      <c r="D48" s="19">
        <v>1867</v>
      </c>
      <c r="E48" s="19">
        <v>1361</v>
      </c>
      <c r="F48" s="19"/>
      <c r="G48" s="18" t="s">
        <v>94</v>
      </c>
      <c r="H48" s="17"/>
      <c r="I48" s="13">
        <v>1258</v>
      </c>
      <c r="J48" s="19">
        <v>483</v>
      </c>
      <c r="K48" s="19">
        <v>775</v>
      </c>
    </row>
    <row r="49" spans="1:11" ht="15" customHeight="1">
      <c r="A49" s="17" t="s">
        <v>95</v>
      </c>
      <c r="B49" s="17"/>
      <c r="C49" s="13">
        <v>3219</v>
      </c>
      <c r="D49" s="19">
        <v>1822</v>
      </c>
      <c r="E49" s="19">
        <v>1397</v>
      </c>
      <c r="F49" s="19"/>
      <c r="G49" s="18" t="s">
        <v>96</v>
      </c>
      <c r="H49" s="17"/>
      <c r="I49" s="13">
        <v>1025</v>
      </c>
      <c r="J49" s="19">
        <v>356</v>
      </c>
      <c r="K49" s="19">
        <v>669</v>
      </c>
    </row>
    <row r="50" spans="1:11" ht="15" customHeight="1">
      <c r="A50" s="17" t="s">
        <v>97</v>
      </c>
      <c r="B50" s="17"/>
      <c r="C50" s="13">
        <v>3293</v>
      </c>
      <c r="D50" s="19">
        <v>1850</v>
      </c>
      <c r="E50" s="19">
        <v>1443</v>
      </c>
      <c r="F50" s="19"/>
      <c r="G50" s="18" t="s">
        <v>98</v>
      </c>
      <c r="H50" s="17"/>
      <c r="I50" s="13">
        <v>967</v>
      </c>
      <c r="J50" s="19">
        <v>335</v>
      </c>
      <c r="K50" s="19">
        <v>632</v>
      </c>
    </row>
    <row r="51" spans="1:11" ht="15" customHeight="1">
      <c r="A51" s="17" t="s">
        <v>99</v>
      </c>
      <c r="B51" s="17"/>
      <c r="C51" s="13">
        <v>3231</v>
      </c>
      <c r="D51" s="19">
        <v>1834</v>
      </c>
      <c r="E51" s="19">
        <v>1397</v>
      </c>
      <c r="F51" s="19"/>
      <c r="G51" s="18" t="s">
        <v>100</v>
      </c>
      <c r="H51" s="17"/>
      <c r="I51" s="13">
        <v>888</v>
      </c>
      <c r="J51" s="19">
        <v>277</v>
      </c>
      <c r="K51" s="19">
        <v>611</v>
      </c>
    </row>
    <row r="52" spans="1:11" ht="15" customHeight="1">
      <c r="A52" s="17" t="s">
        <v>101</v>
      </c>
      <c r="B52" s="17"/>
      <c r="C52" s="13">
        <v>3118</v>
      </c>
      <c r="D52" s="19">
        <v>1734</v>
      </c>
      <c r="E52" s="19">
        <v>1384</v>
      </c>
      <c r="F52" s="19"/>
      <c r="G52" s="18" t="s">
        <v>102</v>
      </c>
      <c r="H52" s="17"/>
      <c r="I52" s="13">
        <v>746</v>
      </c>
      <c r="J52" s="19">
        <v>225</v>
      </c>
      <c r="K52" s="19">
        <v>521</v>
      </c>
    </row>
    <row r="53" spans="1:11" ht="20.100000000000001" customHeight="1">
      <c r="A53" s="17" t="s">
        <v>103</v>
      </c>
      <c r="B53" s="17"/>
      <c r="C53" s="13">
        <v>16769</v>
      </c>
      <c r="D53" s="14">
        <v>9310</v>
      </c>
      <c r="E53" s="14">
        <v>7459</v>
      </c>
      <c r="F53" s="14"/>
      <c r="G53" s="18" t="s">
        <v>104</v>
      </c>
      <c r="H53" s="17"/>
      <c r="I53" s="13">
        <v>2128</v>
      </c>
      <c r="J53" s="14">
        <v>571</v>
      </c>
      <c r="K53" s="14">
        <v>1557</v>
      </c>
    </row>
    <row r="54" spans="1:11" ht="15" customHeight="1">
      <c r="A54" s="17" t="s">
        <v>105</v>
      </c>
      <c r="B54" s="17"/>
      <c r="C54" s="13">
        <v>3155</v>
      </c>
      <c r="D54" s="19">
        <v>1734</v>
      </c>
      <c r="E54" s="19">
        <v>1421</v>
      </c>
      <c r="F54" s="19"/>
      <c r="G54" s="18" t="s">
        <v>106</v>
      </c>
      <c r="H54" s="17"/>
      <c r="I54" s="13">
        <v>579</v>
      </c>
      <c r="J54" s="19">
        <v>159</v>
      </c>
      <c r="K54" s="19">
        <v>420</v>
      </c>
    </row>
    <row r="55" spans="1:11" ht="15" customHeight="1">
      <c r="A55" s="17" t="s">
        <v>107</v>
      </c>
      <c r="B55" s="17"/>
      <c r="C55" s="13">
        <v>3291</v>
      </c>
      <c r="D55" s="19">
        <v>1862</v>
      </c>
      <c r="E55" s="19">
        <v>1429</v>
      </c>
      <c r="F55" s="19"/>
      <c r="G55" s="18" t="s">
        <v>108</v>
      </c>
      <c r="H55" s="17"/>
      <c r="I55" s="13">
        <v>498</v>
      </c>
      <c r="J55" s="19">
        <v>141</v>
      </c>
      <c r="K55" s="19">
        <v>357</v>
      </c>
    </row>
    <row r="56" spans="1:11" ht="15" customHeight="1">
      <c r="A56" s="17" t="s">
        <v>109</v>
      </c>
      <c r="B56" s="17"/>
      <c r="C56" s="13">
        <v>3427</v>
      </c>
      <c r="D56" s="19">
        <v>1919</v>
      </c>
      <c r="E56" s="19">
        <v>1508</v>
      </c>
      <c r="F56" s="19"/>
      <c r="G56" s="18" t="s">
        <v>110</v>
      </c>
      <c r="H56" s="17"/>
      <c r="I56" s="13">
        <v>451</v>
      </c>
      <c r="J56" s="19">
        <v>119</v>
      </c>
      <c r="K56" s="19">
        <v>332</v>
      </c>
    </row>
    <row r="57" spans="1:11" ht="15" customHeight="1">
      <c r="A57" s="17" t="s">
        <v>111</v>
      </c>
      <c r="B57" s="17"/>
      <c r="C57" s="13">
        <v>3439</v>
      </c>
      <c r="D57" s="19">
        <v>1869</v>
      </c>
      <c r="E57" s="19">
        <v>1570</v>
      </c>
      <c r="F57" s="19"/>
      <c r="G57" s="18" t="s">
        <v>112</v>
      </c>
      <c r="H57" s="17"/>
      <c r="I57" s="13">
        <v>341</v>
      </c>
      <c r="J57" s="19">
        <v>87</v>
      </c>
      <c r="K57" s="19">
        <v>254</v>
      </c>
    </row>
    <row r="58" spans="1:11" ht="15" customHeight="1">
      <c r="A58" s="17" t="s">
        <v>113</v>
      </c>
      <c r="B58" s="17"/>
      <c r="C58" s="13">
        <v>3457</v>
      </c>
      <c r="D58" s="19">
        <v>1926</v>
      </c>
      <c r="E58" s="19">
        <v>1531</v>
      </c>
      <c r="F58" s="19"/>
      <c r="G58" s="18" t="s">
        <v>114</v>
      </c>
      <c r="H58" s="17"/>
      <c r="I58" s="13">
        <v>259</v>
      </c>
      <c r="J58" s="19">
        <v>65</v>
      </c>
      <c r="K58" s="19">
        <v>194</v>
      </c>
    </row>
    <row r="59" spans="1:11" ht="20.100000000000001" customHeight="1">
      <c r="A59" s="17" t="s">
        <v>115</v>
      </c>
      <c r="B59" s="17"/>
      <c r="C59" s="13">
        <v>19551</v>
      </c>
      <c r="D59" s="14">
        <v>11105</v>
      </c>
      <c r="E59" s="14">
        <v>8446</v>
      </c>
      <c r="F59" s="14"/>
      <c r="G59" s="18" t="s">
        <v>116</v>
      </c>
      <c r="H59" s="17"/>
      <c r="I59" s="13">
        <v>497</v>
      </c>
      <c r="J59" s="14">
        <v>82</v>
      </c>
      <c r="K59" s="14">
        <v>415</v>
      </c>
    </row>
    <row r="60" spans="1:11" ht="15" customHeight="1">
      <c r="A60" s="17" t="s">
        <v>117</v>
      </c>
      <c r="B60" s="17"/>
      <c r="C60" s="13">
        <v>3553</v>
      </c>
      <c r="D60" s="19">
        <v>1994</v>
      </c>
      <c r="E60" s="19">
        <v>1559</v>
      </c>
      <c r="F60" s="19"/>
      <c r="G60" s="18" t="s">
        <v>118</v>
      </c>
      <c r="H60" s="17"/>
      <c r="I60" s="13">
        <v>164</v>
      </c>
      <c r="J60" s="19">
        <v>30</v>
      </c>
      <c r="K60" s="19">
        <v>134</v>
      </c>
    </row>
    <row r="61" spans="1:11" ht="15" customHeight="1">
      <c r="A61" s="17" t="s">
        <v>119</v>
      </c>
      <c r="B61" s="17"/>
      <c r="C61" s="13">
        <v>3959</v>
      </c>
      <c r="D61" s="19">
        <v>2254</v>
      </c>
      <c r="E61" s="19">
        <v>1705</v>
      </c>
      <c r="F61" s="19"/>
      <c r="G61" s="18" t="s">
        <v>120</v>
      </c>
      <c r="H61" s="17"/>
      <c r="I61" s="13">
        <v>125</v>
      </c>
      <c r="J61" s="19">
        <v>26</v>
      </c>
      <c r="K61" s="19">
        <v>99</v>
      </c>
    </row>
    <row r="62" spans="1:11" ht="15" customHeight="1">
      <c r="A62" s="17" t="s">
        <v>121</v>
      </c>
      <c r="B62" s="17"/>
      <c r="C62" s="13">
        <v>4131</v>
      </c>
      <c r="D62" s="19">
        <v>2365</v>
      </c>
      <c r="E62" s="19">
        <v>1766</v>
      </c>
      <c r="F62" s="19"/>
      <c r="G62" s="18" t="s">
        <v>122</v>
      </c>
      <c r="H62" s="17"/>
      <c r="I62" s="13">
        <v>92</v>
      </c>
      <c r="J62" s="19">
        <v>16</v>
      </c>
      <c r="K62" s="19">
        <v>76</v>
      </c>
    </row>
    <row r="63" spans="1:11" ht="15" customHeight="1">
      <c r="A63" s="17" t="s">
        <v>123</v>
      </c>
      <c r="B63" s="17"/>
      <c r="C63" s="13">
        <v>4006</v>
      </c>
      <c r="D63" s="19">
        <v>2242</v>
      </c>
      <c r="E63" s="19">
        <v>1764</v>
      </c>
      <c r="F63" s="19"/>
      <c r="G63" s="18" t="s">
        <v>124</v>
      </c>
      <c r="H63" s="17"/>
      <c r="I63" s="13">
        <v>72</v>
      </c>
      <c r="J63" s="19">
        <v>6</v>
      </c>
      <c r="K63" s="19">
        <v>66</v>
      </c>
    </row>
    <row r="64" spans="1:11" ht="15" customHeight="1">
      <c r="A64" s="17" t="s">
        <v>125</v>
      </c>
      <c r="B64" s="17"/>
      <c r="C64" s="13">
        <v>3902</v>
      </c>
      <c r="D64" s="19">
        <v>2250</v>
      </c>
      <c r="E64" s="19">
        <v>1652</v>
      </c>
      <c r="F64" s="19"/>
      <c r="G64" s="18" t="s">
        <v>126</v>
      </c>
      <c r="H64" s="17"/>
      <c r="I64" s="13">
        <v>44</v>
      </c>
      <c r="J64" s="19">
        <v>4</v>
      </c>
      <c r="K64" s="19">
        <v>4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97</v>
      </c>
      <c r="J65" s="19">
        <v>11</v>
      </c>
      <c r="K65" s="19">
        <v>8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0815</v>
      </c>
      <c r="J66" s="29">
        <v>6214</v>
      </c>
      <c r="K66" s="29">
        <v>460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1136</v>
      </c>
      <c r="D4" s="14">
        <v>86700</v>
      </c>
      <c r="E4" s="14">
        <v>8443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309</v>
      </c>
      <c r="D5" s="14">
        <v>4298</v>
      </c>
      <c r="E5" s="14">
        <v>4011</v>
      </c>
      <c r="F5" s="14"/>
      <c r="G5" s="18" t="s">
        <v>8</v>
      </c>
      <c r="H5" s="17"/>
      <c r="I5" s="13">
        <v>12323</v>
      </c>
      <c r="J5" s="14">
        <v>6613</v>
      </c>
      <c r="K5" s="14">
        <v>5710</v>
      </c>
    </row>
    <row r="6" spans="1:11" ht="15" customHeight="1">
      <c r="A6" s="17" t="s">
        <v>9</v>
      </c>
      <c r="B6" s="17"/>
      <c r="C6" s="13">
        <v>1646</v>
      </c>
      <c r="D6" s="19">
        <v>831</v>
      </c>
      <c r="E6" s="19">
        <v>815</v>
      </c>
      <c r="F6" s="19"/>
      <c r="G6" s="18" t="s">
        <v>10</v>
      </c>
      <c r="H6" s="17"/>
      <c r="I6" s="13">
        <v>2805</v>
      </c>
      <c r="J6" s="19">
        <v>1514</v>
      </c>
      <c r="K6" s="19">
        <v>1291</v>
      </c>
    </row>
    <row r="7" spans="1:11" ht="15" customHeight="1">
      <c r="A7" s="17" t="s">
        <v>11</v>
      </c>
      <c r="B7" s="17"/>
      <c r="C7" s="13">
        <v>1669</v>
      </c>
      <c r="D7" s="19">
        <v>866</v>
      </c>
      <c r="E7" s="19">
        <v>803</v>
      </c>
      <c r="F7" s="19"/>
      <c r="G7" s="18" t="s">
        <v>12</v>
      </c>
      <c r="H7" s="17"/>
      <c r="I7" s="13">
        <v>2651</v>
      </c>
      <c r="J7" s="19">
        <v>1415</v>
      </c>
      <c r="K7" s="19">
        <v>1236</v>
      </c>
    </row>
    <row r="8" spans="1:11" ht="15" customHeight="1">
      <c r="A8" s="17" t="s">
        <v>13</v>
      </c>
      <c r="B8" s="17"/>
      <c r="C8" s="13">
        <v>1708</v>
      </c>
      <c r="D8" s="19">
        <v>897</v>
      </c>
      <c r="E8" s="19">
        <v>811</v>
      </c>
      <c r="F8" s="19"/>
      <c r="G8" s="18" t="s">
        <v>14</v>
      </c>
      <c r="H8" s="17"/>
      <c r="I8" s="13">
        <v>2450</v>
      </c>
      <c r="J8" s="19">
        <v>1292</v>
      </c>
      <c r="K8" s="19">
        <v>1158</v>
      </c>
    </row>
    <row r="9" spans="1:11" ht="15" customHeight="1">
      <c r="A9" s="17" t="s">
        <v>15</v>
      </c>
      <c r="B9" s="17"/>
      <c r="C9" s="13">
        <v>1659</v>
      </c>
      <c r="D9" s="19">
        <v>885</v>
      </c>
      <c r="E9" s="19">
        <v>774</v>
      </c>
      <c r="F9" s="19"/>
      <c r="G9" s="18" t="s">
        <v>16</v>
      </c>
      <c r="H9" s="17"/>
      <c r="I9" s="13">
        <v>2630</v>
      </c>
      <c r="J9" s="19">
        <v>1435</v>
      </c>
      <c r="K9" s="19">
        <v>1195</v>
      </c>
    </row>
    <row r="10" spans="1:11" ht="15" customHeight="1">
      <c r="A10" s="17" t="s">
        <v>17</v>
      </c>
      <c r="B10" s="17"/>
      <c r="C10" s="13">
        <v>1627</v>
      </c>
      <c r="D10" s="19">
        <v>819</v>
      </c>
      <c r="E10" s="19">
        <v>808</v>
      </c>
      <c r="F10" s="19"/>
      <c r="G10" s="18" t="s">
        <v>18</v>
      </c>
      <c r="H10" s="17"/>
      <c r="I10" s="13">
        <v>1787</v>
      </c>
      <c r="J10" s="19">
        <v>957</v>
      </c>
      <c r="K10" s="19">
        <v>830</v>
      </c>
    </row>
    <row r="11" spans="1:11" ht="20.100000000000001" customHeight="1">
      <c r="A11" s="17" t="s">
        <v>19</v>
      </c>
      <c r="B11" s="17"/>
      <c r="C11" s="13">
        <v>7564</v>
      </c>
      <c r="D11" s="14">
        <v>3877</v>
      </c>
      <c r="E11" s="14">
        <v>3687</v>
      </c>
      <c r="F11" s="14"/>
      <c r="G11" s="18" t="s">
        <v>20</v>
      </c>
      <c r="H11" s="17"/>
      <c r="I11" s="13">
        <v>9805</v>
      </c>
      <c r="J11" s="14">
        <v>5276</v>
      </c>
      <c r="K11" s="14">
        <v>4529</v>
      </c>
    </row>
    <row r="12" spans="1:11" ht="15" customHeight="1">
      <c r="A12" s="17" t="s">
        <v>21</v>
      </c>
      <c r="B12" s="17"/>
      <c r="C12" s="13">
        <v>1615</v>
      </c>
      <c r="D12" s="19">
        <v>845</v>
      </c>
      <c r="E12" s="19">
        <v>770</v>
      </c>
      <c r="F12" s="19"/>
      <c r="G12" s="18" t="s">
        <v>22</v>
      </c>
      <c r="H12" s="17"/>
      <c r="I12" s="13">
        <v>2332</v>
      </c>
      <c r="J12" s="19">
        <v>1272</v>
      </c>
      <c r="K12" s="19">
        <v>1060</v>
      </c>
    </row>
    <row r="13" spans="1:11" ht="15" customHeight="1">
      <c r="A13" s="17" t="s">
        <v>23</v>
      </c>
      <c r="B13" s="17"/>
      <c r="C13" s="13">
        <v>1468</v>
      </c>
      <c r="D13" s="19">
        <v>763</v>
      </c>
      <c r="E13" s="19">
        <v>705</v>
      </c>
      <c r="F13" s="19"/>
      <c r="G13" s="18" t="s">
        <v>24</v>
      </c>
      <c r="H13" s="17"/>
      <c r="I13" s="13">
        <v>1963</v>
      </c>
      <c r="J13" s="19">
        <v>1101</v>
      </c>
      <c r="K13" s="19">
        <v>862</v>
      </c>
    </row>
    <row r="14" spans="1:11" ht="15" customHeight="1">
      <c r="A14" s="17" t="s">
        <v>25</v>
      </c>
      <c r="B14" s="17"/>
      <c r="C14" s="13">
        <v>1554</v>
      </c>
      <c r="D14" s="19">
        <v>764</v>
      </c>
      <c r="E14" s="19">
        <v>790</v>
      </c>
      <c r="F14" s="19"/>
      <c r="G14" s="18" t="s">
        <v>26</v>
      </c>
      <c r="H14" s="17"/>
      <c r="I14" s="13">
        <v>1933</v>
      </c>
      <c r="J14" s="19">
        <v>1027</v>
      </c>
      <c r="K14" s="19">
        <v>906</v>
      </c>
    </row>
    <row r="15" spans="1:11" ht="15" customHeight="1">
      <c r="A15" s="17" t="s">
        <v>27</v>
      </c>
      <c r="B15" s="17"/>
      <c r="C15" s="13">
        <v>1495</v>
      </c>
      <c r="D15" s="19">
        <v>747</v>
      </c>
      <c r="E15" s="19">
        <v>748</v>
      </c>
      <c r="F15" s="19"/>
      <c r="G15" s="18" t="s">
        <v>28</v>
      </c>
      <c r="H15" s="17"/>
      <c r="I15" s="13">
        <v>1857</v>
      </c>
      <c r="J15" s="19">
        <v>983</v>
      </c>
      <c r="K15" s="19">
        <v>874</v>
      </c>
    </row>
    <row r="16" spans="1:11" ht="15" customHeight="1">
      <c r="A16" s="17" t="s">
        <v>29</v>
      </c>
      <c r="B16" s="17"/>
      <c r="C16" s="13">
        <v>1432</v>
      </c>
      <c r="D16" s="19">
        <v>758</v>
      </c>
      <c r="E16" s="19">
        <v>674</v>
      </c>
      <c r="F16" s="19"/>
      <c r="G16" s="18" t="s">
        <v>30</v>
      </c>
      <c r="H16" s="17"/>
      <c r="I16" s="13">
        <v>1720</v>
      </c>
      <c r="J16" s="19">
        <v>893</v>
      </c>
      <c r="K16" s="19">
        <v>827</v>
      </c>
    </row>
    <row r="17" spans="1:11" ht="20.100000000000001" customHeight="1">
      <c r="A17" s="20" t="s">
        <v>31</v>
      </c>
      <c r="B17" s="20"/>
      <c r="C17" s="13">
        <v>7085</v>
      </c>
      <c r="D17" s="14">
        <v>3615</v>
      </c>
      <c r="E17" s="14">
        <v>3470</v>
      </c>
      <c r="F17" s="14"/>
      <c r="G17" s="18" t="s">
        <v>32</v>
      </c>
      <c r="H17" s="17"/>
      <c r="I17" s="13">
        <v>7975</v>
      </c>
      <c r="J17" s="14">
        <v>4199</v>
      </c>
      <c r="K17" s="14">
        <v>3776</v>
      </c>
    </row>
    <row r="18" spans="1:11" ht="15" customHeight="1">
      <c r="A18" s="17" t="s">
        <v>33</v>
      </c>
      <c r="B18" s="17"/>
      <c r="C18" s="13">
        <v>1495</v>
      </c>
      <c r="D18" s="19">
        <v>779</v>
      </c>
      <c r="E18" s="19">
        <v>716</v>
      </c>
      <c r="F18" s="19"/>
      <c r="G18" s="18" t="s">
        <v>34</v>
      </c>
      <c r="H18" s="17"/>
      <c r="I18" s="13">
        <v>1682</v>
      </c>
      <c r="J18" s="19">
        <v>905</v>
      </c>
      <c r="K18" s="19">
        <v>777</v>
      </c>
    </row>
    <row r="19" spans="1:11" ht="15" customHeight="1">
      <c r="A19" s="17" t="s">
        <v>35</v>
      </c>
      <c r="B19" s="17"/>
      <c r="C19" s="13">
        <v>1429</v>
      </c>
      <c r="D19" s="19">
        <v>714</v>
      </c>
      <c r="E19" s="19">
        <v>715</v>
      </c>
      <c r="F19" s="19"/>
      <c r="G19" s="18" t="s">
        <v>36</v>
      </c>
      <c r="H19" s="17"/>
      <c r="I19" s="13">
        <v>1638</v>
      </c>
      <c r="J19" s="19">
        <v>879</v>
      </c>
      <c r="K19" s="19">
        <v>759</v>
      </c>
    </row>
    <row r="20" spans="1:11" ht="15" customHeight="1">
      <c r="A20" s="17" t="s">
        <v>37</v>
      </c>
      <c r="B20" s="17"/>
      <c r="C20" s="13">
        <v>1441</v>
      </c>
      <c r="D20" s="19">
        <v>752</v>
      </c>
      <c r="E20" s="19">
        <v>689</v>
      </c>
      <c r="F20" s="19"/>
      <c r="G20" s="18" t="s">
        <v>38</v>
      </c>
      <c r="H20" s="17"/>
      <c r="I20" s="13">
        <v>1595</v>
      </c>
      <c r="J20" s="19">
        <v>822</v>
      </c>
      <c r="K20" s="19">
        <v>773</v>
      </c>
    </row>
    <row r="21" spans="1:11" ht="15" customHeight="1">
      <c r="A21" s="17" t="s">
        <v>39</v>
      </c>
      <c r="B21" s="17"/>
      <c r="C21" s="13">
        <v>1364</v>
      </c>
      <c r="D21" s="19">
        <v>677</v>
      </c>
      <c r="E21" s="19">
        <v>687</v>
      </c>
      <c r="F21" s="19"/>
      <c r="G21" s="18" t="s">
        <v>40</v>
      </c>
      <c r="H21" s="17"/>
      <c r="I21" s="13">
        <v>1497</v>
      </c>
      <c r="J21" s="19">
        <v>780</v>
      </c>
      <c r="K21" s="19">
        <v>717</v>
      </c>
    </row>
    <row r="22" spans="1:11" ht="15" customHeight="1">
      <c r="A22" s="17" t="s">
        <v>41</v>
      </c>
      <c r="B22" s="17"/>
      <c r="C22" s="13">
        <v>1356</v>
      </c>
      <c r="D22" s="19">
        <v>693</v>
      </c>
      <c r="E22" s="19">
        <v>663</v>
      </c>
      <c r="F22" s="19"/>
      <c r="G22" s="18" t="s">
        <v>42</v>
      </c>
      <c r="H22" s="17"/>
      <c r="I22" s="13">
        <v>1563</v>
      </c>
      <c r="J22" s="19">
        <v>813</v>
      </c>
      <c r="K22" s="19">
        <v>750</v>
      </c>
    </row>
    <row r="23" spans="1:11" ht="20.100000000000001" customHeight="1">
      <c r="A23" s="17" t="s">
        <v>43</v>
      </c>
      <c r="B23" s="17"/>
      <c r="C23" s="13">
        <v>6385</v>
      </c>
      <c r="D23" s="14">
        <v>3278</v>
      </c>
      <c r="E23" s="14">
        <v>3107</v>
      </c>
      <c r="F23" s="14"/>
      <c r="G23" s="18" t="s">
        <v>44</v>
      </c>
      <c r="H23" s="17"/>
      <c r="I23" s="13">
        <v>8213</v>
      </c>
      <c r="J23" s="14">
        <v>4080</v>
      </c>
      <c r="K23" s="14">
        <v>4133</v>
      </c>
    </row>
    <row r="24" spans="1:11" ht="15" customHeight="1">
      <c r="A24" s="17" t="s">
        <v>45</v>
      </c>
      <c r="B24" s="17"/>
      <c r="C24" s="13">
        <v>1259</v>
      </c>
      <c r="D24" s="19">
        <v>639</v>
      </c>
      <c r="E24" s="19">
        <v>620</v>
      </c>
      <c r="F24" s="19"/>
      <c r="G24" s="18" t="s">
        <v>46</v>
      </c>
      <c r="H24" s="17"/>
      <c r="I24" s="13">
        <v>1514</v>
      </c>
      <c r="J24" s="19">
        <v>742</v>
      </c>
      <c r="K24" s="19">
        <v>772</v>
      </c>
    </row>
    <row r="25" spans="1:11" ht="15" customHeight="1">
      <c r="A25" s="17" t="s">
        <v>47</v>
      </c>
      <c r="B25" s="17"/>
      <c r="C25" s="13">
        <v>1280</v>
      </c>
      <c r="D25" s="19">
        <v>663</v>
      </c>
      <c r="E25" s="19">
        <v>617</v>
      </c>
      <c r="F25" s="19"/>
      <c r="G25" s="18" t="s">
        <v>48</v>
      </c>
      <c r="H25" s="17"/>
      <c r="I25" s="13">
        <v>1572</v>
      </c>
      <c r="J25" s="19">
        <v>788</v>
      </c>
      <c r="K25" s="19">
        <v>784</v>
      </c>
    </row>
    <row r="26" spans="1:11" ht="15" customHeight="1">
      <c r="A26" s="17" t="s">
        <v>49</v>
      </c>
      <c r="B26" s="17"/>
      <c r="C26" s="13">
        <v>1214</v>
      </c>
      <c r="D26" s="19">
        <v>645</v>
      </c>
      <c r="E26" s="19">
        <v>569</v>
      </c>
      <c r="F26" s="19"/>
      <c r="G26" s="18" t="s">
        <v>50</v>
      </c>
      <c r="H26" s="17"/>
      <c r="I26" s="13">
        <v>1626</v>
      </c>
      <c r="J26" s="19">
        <v>818</v>
      </c>
      <c r="K26" s="19">
        <v>808</v>
      </c>
    </row>
    <row r="27" spans="1:11" ht="15" customHeight="1">
      <c r="A27" s="17" t="s">
        <v>51</v>
      </c>
      <c r="B27" s="17"/>
      <c r="C27" s="13">
        <v>1268</v>
      </c>
      <c r="D27" s="19">
        <v>630</v>
      </c>
      <c r="E27" s="19">
        <v>638</v>
      </c>
      <c r="F27" s="19"/>
      <c r="G27" s="18" t="s">
        <v>52</v>
      </c>
      <c r="H27" s="17"/>
      <c r="I27" s="13">
        <v>1692</v>
      </c>
      <c r="J27" s="19">
        <v>851</v>
      </c>
      <c r="K27" s="19">
        <v>841</v>
      </c>
    </row>
    <row r="28" spans="1:11" ht="15" customHeight="1">
      <c r="A28" s="17" t="s">
        <v>53</v>
      </c>
      <c r="B28" s="17"/>
      <c r="C28" s="13">
        <v>1364</v>
      </c>
      <c r="D28" s="19">
        <v>701</v>
      </c>
      <c r="E28" s="19">
        <v>663</v>
      </c>
      <c r="F28" s="19"/>
      <c r="G28" s="18" t="s">
        <v>54</v>
      </c>
      <c r="H28" s="17"/>
      <c r="I28" s="13">
        <v>1809</v>
      </c>
      <c r="J28" s="19">
        <v>881</v>
      </c>
      <c r="K28" s="19">
        <v>928</v>
      </c>
    </row>
    <row r="29" spans="1:11" ht="20.100000000000001" customHeight="1">
      <c r="A29" s="17" t="s">
        <v>55</v>
      </c>
      <c r="B29" s="17"/>
      <c r="C29" s="13">
        <v>7802</v>
      </c>
      <c r="D29" s="14">
        <v>4053</v>
      </c>
      <c r="E29" s="14">
        <v>3749</v>
      </c>
      <c r="F29" s="14"/>
      <c r="G29" s="18" t="s">
        <v>56</v>
      </c>
      <c r="H29" s="17"/>
      <c r="I29" s="13">
        <v>9606</v>
      </c>
      <c r="J29" s="14">
        <v>4584</v>
      </c>
      <c r="K29" s="14">
        <v>5022</v>
      </c>
    </row>
    <row r="30" spans="1:11" ht="15" customHeight="1">
      <c r="A30" s="17" t="s">
        <v>57</v>
      </c>
      <c r="B30" s="17"/>
      <c r="C30" s="13">
        <v>1351</v>
      </c>
      <c r="D30" s="19">
        <v>668</v>
      </c>
      <c r="E30" s="19">
        <v>683</v>
      </c>
      <c r="F30" s="19"/>
      <c r="G30" s="18" t="s">
        <v>58</v>
      </c>
      <c r="H30" s="17"/>
      <c r="I30" s="13">
        <v>1919</v>
      </c>
      <c r="J30" s="19">
        <v>925</v>
      </c>
      <c r="K30" s="19">
        <v>994</v>
      </c>
    </row>
    <row r="31" spans="1:11" ht="15" customHeight="1">
      <c r="A31" s="17" t="s">
        <v>59</v>
      </c>
      <c r="B31" s="17"/>
      <c r="C31" s="13">
        <v>1312</v>
      </c>
      <c r="D31" s="19">
        <v>648</v>
      </c>
      <c r="E31" s="19">
        <v>664</v>
      </c>
      <c r="F31" s="19"/>
      <c r="G31" s="18" t="s">
        <v>60</v>
      </c>
      <c r="H31" s="17"/>
      <c r="I31" s="13">
        <v>2136</v>
      </c>
      <c r="J31" s="19">
        <v>1005</v>
      </c>
      <c r="K31" s="19">
        <v>1131</v>
      </c>
    </row>
    <row r="32" spans="1:11" ht="15" customHeight="1">
      <c r="A32" s="17" t="s">
        <v>61</v>
      </c>
      <c r="B32" s="17"/>
      <c r="C32" s="13">
        <v>1451</v>
      </c>
      <c r="D32" s="19">
        <v>770</v>
      </c>
      <c r="E32" s="19">
        <v>681</v>
      </c>
      <c r="F32" s="19"/>
      <c r="G32" s="18" t="s">
        <v>62</v>
      </c>
      <c r="H32" s="17"/>
      <c r="I32" s="13">
        <v>2108</v>
      </c>
      <c r="J32" s="19">
        <v>1002</v>
      </c>
      <c r="K32" s="19">
        <v>1106</v>
      </c>
    </row>
    <row r="33" spans="1:11" ht="15" customHeight="1">
      <c r="A33" s="17" t="s">
        <v>63</v>
      </c>
      <c r="B33" s="17"/>
      <c r="C33" s="13">
        <v>1786</v>
      </c>
      <c r="D33" s="19">
        <v>946</v>
      </c>
      <c r="E33" s="19">
        <v>840</v>
      </c>
      <c r="F33" s="19"/>
      <c r="G33" s="18" t="s">
        <v>64</v>
      </c>
      <c r="H33" s="17"/>
      <c r="I33" s="13">
        <v>2068</v>
      </c>
      <c r="J33" s="19">
        <v>976</v>
      </c>
      <c r="K33" s="19">
        <v>1092</v>
      </c>
    </row>
    <row r="34" spans="1:11" ht="15" customHeight="1">
      <c r="A34" s="17" t="s">
        <v>65</v>
      </c>
      <c r="B34" s="17"/>
      <c r="C34" s="13">
        <v>1902</v>
      </c>
      <c r="D34" s="19">
        <v>1021</v>
      </c>
      <c r="E34" s="19">
        <v>881</v>
      </c>
      <c r="F34" s="19"/>
      <c r="G34" s="18" t="s">
        <v>66</v>
      </c>
      <c r="H34" s="17"/>
      <c r="I34" s="13">
        <v>1375</v>
      </c>
      <c r="J34" s="19">
        <v>676</v>
      </c>
      <c r="K34" s="19">
        <v>699</v>
      </c>
    </row>
    <row r="35" spans="1:11" ht="20.100000000000001" customHeight="1">
      <c r="A35" s="17" t="s">
        <v>67</v>
      </c>
      <c r="B35" s="17"/>
      <c r="C35" s="13">
        <v>10892</v>
      </c>
      <c r="D35" s="14">
        <v>5839</v>
      </c>
      <c r="E35" s="14">
        <v>5053</v>
      </c>
      <c r="F35" s="14"/>
      <c r="G35" s="18" t="s">
        <v>68</v>
      </c>
      <c r="H35" s="17"/>
      <c r="I35" s="13">
        <v>7194</v>
      </c>
      <c r="J35" s="14">
        <v>3275</v>
      </c>
      <c r="K35" s="14">
        <v>3919</v>
      </c>
    </row>
    <row r="36" spans="1:11" ht="15" customHeight="1">
      <c r="A36" s="17" t="s">
        <v>69</v>
      </c>
      <c r="B36" s="17"/>
      <c r="C36" s="13">
        <v>2021</v>
      </c>
      <c r="D36" s="19">
        <v>1095</v>
      </c>
      <c r="E36" s="19">
        <v>926</v>
      </c>
      <c r="F36" s="19"/>
      <c r="G36" s="18" t="s">
        <v>70</v>
      </c>
      <c r="H36" s="17"/>
      <c r="I36" s="13">
        <v>1250</v>
      </c>
      <c r="J36" s="19">
        <v>600</v>
      </c>
      <c r="K36" s="19">
        <v>650</v>
      </c>
    </row>
    <row r="37" spans="1:11" ht="15" customHeight="1">
      <c r="A37" s="17" t="s">
        <v>71</v>
      </c>
      <c r="B37" s="17"/>
      <c r="C37" s="13">
        <v>2137</v>
      </c>
      <c r="D37" s="19">
        <v>1121</v>
      </c>
      <c r="E37" s="19">
        <v>1016</v>
      </c>
      <c r="F37" s="19"/>
      <c r="G37" s="18" t="s">
        <v>72</v>
      </c>
      <c r="H37" s="17"/>
      <c r="I37" s="13">
        <v>1507</v>
      </c>
      <c r="J37" s="19">
        <v>712</v>
      </c>
      <c r="K37" s="19">
        <v>795</v>
      </c>
    </row>
    <row r="38" spans="1:11" ht="15" customHeight="1">
      <c r="A38" s="17" t="s">
        <v>73</v>
      </c>
      <c r="B38" s="17"/>
      <c r="C38" s="13">
        <v>2234</v>
      </c>
      <c r="D38" s="19">
        <v>1204</v>
      </c>
      <c r="E38" s="19">
        <v>1030</v>
      </c>
      <c r="F38" s="19"/>
      <c r="G38" s="18" t="s">
        <v>74</v>
      </c>
      <c r="H38" s="17"/>
      <c r="I38" s="13">
        <v>1543</v>
      </c>
      <c r="J38" s="19">
        <v>647</v>
      </c>
      <c r="K38" s="19">
        <v>896</v>
      </c>
    </row>
    <row r="39" spans="1:11" ht="15" customHeight="1">
      <c r="A39" s="17" t="s">
        <v>75</v>
      </c>
      <c r="B39" s="17"/>
      <c r="C39" s="13">
        <v>2181</v>
      </c>
      <c r="D39" s="19">
        <v>1165</v>
      </c>
      <c r="E39" s="19">
        <v>1016</v>
      </c>
      <c r="F39" s="19"/>
      <c r="G39" s="18" t="s">
        <v>76</v>
      </c>
      <c r="H39" s="17"/>
      <c r="I39" s="13">
        <v>1414</v>
      </c>
      <c r="J39" s="19">
        <v>641</v>
      </c>
      <c r="K39" s="19">
        <v>773</v>
      </c>
    </row>
    <row r="40" spans="1:11" ht="15" customHeight="1">
      <c r="A40" s="17" t="s">
        <v>77</v>
      </c>
      <c r="B40" s="17"/>
      <c r="C40" s="13">
        <v>2319</v>
      </c>
      <c r="D40" s="19">
        <v>1254</v>
      </c>
      <c r="E40" s="19">
        <v>1065</v>
      </c>
      <c r="F40" s="19"/>
      <c r="G40" s="18" t="s">
        <v>78</v>
      </c>
      <c r="H40" s="17"/>
      <c r="I40" s="13">
        <v>1480</v>
      </c>
      <c r="J40" s="19">
        <v>675</v>
      </c>
      <c r="K40" s="19">
        <v>805</v>
      </c>
    </row>
    <row r="41" spans="1:11" ht="20.100000000000001" customHeight="1">
      <c r="A41" s="17" t="s">
        <v>79</v>
      </c>
      <c r="B41" s="17"/>
      <c r="C41" s="13">
        <v>12438</v>
      </c>
      <c r="D41" s="14">
        <v>6602</v>
      </c>
      <c r="E41" s="14">
        <v>5836</v>
      </c>
      <c r="F41" s="14"/>
      <c r="G41" s="18" t="s">
        <v>80</v>
      </c>
      <c r="H41" s="17"/>
      <c r="I41" s="13">
        <v>5518</v>
      </c>
      <c r="J41" s="14">
        <v>2276</v>
      </c>
      <c r="K41" s="14">
        <v>3242</v>
      </c>
    </row>
    <row r="42" spans="1:11" ht="15" customHeight="1">
      <c r="A42" s="17" t="s">
        <v>81</v>
      </c>
      <c r="B42" s="17"/>
      <c r="C42" s="13">
        <v>2493</v>
      </c>
      <c r="D42" s="19">
        <v>1298</v>
      </c>
      <c r="E42" s="19">
        <v>1195</v>
      </c>
      <c r="F42" s="19"/>
      <c r="G42" s="18" t="s">
        <v>82</v>
      </c>
      <c r="H42" s="17"/>
      <c r="I42" s="13">
        <v>1342</v>
      </c>
      <c r="J42" s="19">
        <v>591</v>
      </c>
      <c r="K42" s="19">
        <v>751</v>
      </c>
    </row>
    <row r="43" spans="1:11" ht="15" customHeight="1">
      <c r="A43" s="17" t="s">
        <v>83</v>
      </c>
      <c r="B43" s="17"/>
      <c r="C43" s="13">
        <v>2388</v>
      </c>
      <c r="D43" s="19">
        <v>1263</v>
      </c>
      <c r="E43" s="19">
        <v>1125</v>
      </c>
      <c r="F43" s="19"/>
      <c r="G43" s="18" t="s">
        <v>84</v>
      </c>
      <c r="H43" s="17"/>
      <c r="I43" s="13">
        <v>1146</v>
      </c>
      <c r="J43" s="19">
        <v>488</v>
      </c>
      <c r="K43" s="19">
        <v>658</v>
      </c>
    </row>
    <row r="44" spans="1:11" ht="15" customHeight="1">
      <c r="A44" s="17" t="s">
        <v>85</v>
      </c>
      <c r="B44" s="17"/>
      <c r="C44" s="13">
        <v>2450</v>
      </c>
      <c r="D44" s="19">
        <v>1293</v>
      </c>
      <c r="E44" s="19">
        <v>1157</v>
      </c>
      <c r="F44" s="19"/>
      <c r="G44" s="18" t="s">
        <v>86</v>
      </c>
      <c r="H44" s="17"/>
      <c r="I44" s="13">
        <v>1019</v>
      </c>
      <c r="J44" s="19">
        <v>391</v>
      </c>
      <c r="K44" s="19">
        <v>628</v>
      </c>
    </row>
    <row r="45" spans="1:11" ht="15" customHeight="1">
      <c r="A45" s="17" t="s">
        <v>87</v>
      </c>
      <c r="B45" s="17"/>
      <c r="C45" s="13">
        <v>2528</v>
      </c>
      <c r="D45" s="19">
        <v>1368</v>
      </c>
      <c r="E45" s="19">
        <v>1160</v>
      </c>
      <c r="F45" s="19"/>
      <c r="G45" s="18" t="s">
        <v>88</v>
      </c>
      <c r="H45" s="17"/>
      <c r="I45" s="13">
        <v>1083</v>
      </c>
      <c r="J45" s="19">
        <v>433</v>
      </c>
      <c r="K45" s="19">
        <v>650</v>
      </c>
    </row>
    <row r="46" spans="1:11" ht="15" customHeight="1">
      <c r="A46" s="17" t="s">
        <v>89</v>
      </c>
      <c r="B46" s="17"/>
      <c r="C46" s="13">
        <v>2579</v>
      </c>
      <c r="D46" s="19">
        <v>1380</v>
      </c>
      <c r="E46" s="19">
        <v>1199</v>
      </c>
      <c r="F46" s="19"/>
      <c r="G46" s="18" t="s">
        <v>90</v>
      </c>
      <c r="H46" s="17"/>
      <c r="I46" s="13">
        <v>928</v>
      </c>
      <c r="J46" s="19">
        <v>373</v>
      </c>
      <c r="K46" s="19">
        <v>555</v>
      </c>
    </row>
    <row r="47" spans="1:11" ht="20.100000000000001" customHeight="1">
      <c r="A47" s="17" t="s">
        <v>91</v>
      </c>
      <c r="B47" s="17"/>
      <c r="C47" s="13">
        <v>13330</v>
      </c>
      <c r="D47" s="14">
        <v>7080</v>
      </c>
      <c r="E47" s="14">
        <v>6250</v>
      </c>
      <c r="F47" s="14"/>
      <c r="G47" s="18" t="s">
        <v>92</v>
      </c>
      <c r="H47" s="17"/>
      <c r="I47" s="13">
        <v>3768</v>
      </c>
      <c r="J47" s="14">
        <v>1217</v>
      </c>
      <c r="K47" s="14">
        <v>2551</v>
      </c>
    </row>
    <row r="48" spans="1:11" ht="15" customHeight="1">
      <c r="A48" s="17" t="s">
        <v>93</v>
      </c>
      <c r="B48" s="17"/>
      <c r="C48" s="13">
        <v>2668</v>
      </c>
      <c r="D48" s="19">
        <v>1424</v>
      </c>
      <c r="E48" s="19">
        <v>1244</v>
      </c>
      <c r="F48" s="19"/>
      <c r="G48" s="18" t="s">
        <v>94</v>
      </c>
      <c r="H48" s="17"/>
      <c r="I48" s="13">
        <v>892</v>
      </c>
      <c r="J48" s="19">
        <v>315</v>
      </c>
      <c r="K48" s="19">
        <v>577</v>
      </c>
    </row>
    <row r="49" spans="1:11" ht="15" customHeight="1">
      <c r="A49" s="17" t="s">
        <v>95</v>
      </c>
      <c r="B49" s="17"/>
      <c r="C49" s="13">
        <v>2652</v>
      </c>
      <c r="D49" s="19">
        <v>1427</v>
      </c>
      <c r="E49" s="19">
        <v>1225</v>
      </c>
      <c r="F49" s="19"/>
      <c r="G49" s="18" t="s">
        <v>96</v>
      </c>
      <c r="H49" s="17"/>
      <c r="I49" s="13">
        <v>805</v>
      </c>
      <c r="J49" s="19">
        <v>252</v>
      </c>
      <c r="K49" s="19">
        <v>553</v>
      </c>
    </row>
    <row r="50" spans="1:11" ht="15" customHeight="1">
      <c r="A50" s="17" t="s">
        <v>97</v>
      </c>
      <c r="B50" s="17"/>
      <c r="C50" s="13">
        <v>2730</v>
      </c>
      <c r="D50" s="19">
        <v>1454</v>
      </c>
      <c r="E50" s="19">
        <v>1276</v>
      </c>
      <c r="F50" s="19"/>
      <c r="G50" s="18" t="s">
        <v>98</v>
      </c>
      <c r="H50" s="17"/>
      <c r="I50" s="13">
        <v>742</v>
      </c>
      <c r="J50" s="19">
        <v>250</v>
      </c>
      <c r="K50" s="19">
        <v>492</v>
      </c>
    </row>
    <row r="51" spans="1:11" ht="15" customHeight="1">
      <c r="A51" s="17" t="s">
        <v>99</v>
      </c>
      <c r="B51" s="17"/>
      <c r="C51" s="13">
        <v>2658</v>
      </c>
      <c r="D51" s="19">
        <v>1415</v>
      </c>
      <c r="E51" s="19">
        <v>1243</v>
      </c>
      <c r="F51" s="19"/>
      <c r="G51" s="18" t="s">
        <v>100</v>
      </c>
      <c r="H51" s="17"/>
      <c r="I51" s="13">
        <v>747</v>
      </c>
      <c r="J51" s="19">
        <v>232</v>
      </c>
      <c r="K51" s="19">
        <v>515</v>
      </c>
    </row>
    <row r="52" spans="1:11" ht="15" customHeight="1">
      <c r="A52" s="17" t="s">
        <v>101</v>
      </c>
      <c r="B52" s="17"/>
      <c r="C52" s="13">
        <v>2622</v>
      </c>
      <c r="D52" s="19">
        <v>1360</v>
      </c>
      <c r="E52" s="19">
        <v>1262</v>
      </c>
      <c r="F52" s="19"/>
      <c r="G52" s="18" t="s">
        <v>102</v>
      </c>
      <c r="H52" s="17"/>
      <c r="I52" s="13">
        <v>582</v>
      </c>
      <c r="J52" s="19">
        <v>168</v>
      </c>
      <c r="K52" s="19">
        <v>414</v>
      </c>
    </row>
    <row r="53" spans="1:11" ht="20.100000000000001" customHeight="1">
      <c r="A53" s="17" t="s">
        <v>103</v>
      </c>
      <c r="B53" s="17"/>
      <c r="C53" s="13">
        <v>13921</v>
      </c>
      <c r="D53" s="14">
        <v>7326</v>
      </c>
      <c r="E53" s="14">
        <v>6595</v>
      </c>
      <c r="F53" s="14"/>
      <c r="G53" s="18" t="s">
        <v>104</v>
      </c>
      <c r="H53" s="17"/>
      <c r="I53" s="13">
        <v>1793</v>
      </c>
      <c r="J53" s="14">
        <v>499</v>
      </c>
      <c r="K53" s="14">
        <v>1294</v>
      </c>
    </row>
    <row r="54" spans="1:11" ht="15" customHeight="1">
      <c r="A54" s="17" t="s">
        <v>105</v>
      </c>
      <c r="B54" s="17"/>
      <c r="C54" s="13">
        <v>2605</v>
      </c>
      <c r="D54" s="19">
        <v>1373</v>
      </c>
      <c r="E54" s="19">
        <v>1232</v>
      </c>
      <c r="F54" s="19"/>
      <c r="G54" s="18" t="s">
        <v>106</v>
      </c>
      <c r="H54" s="17"/>
      <c r="I54" s="13">
        <v>490</v>
      </c>
      <c r="J54" s="19">
        <v>147</v>
      </c>
      <c r="K54" s="19">
        <v>343</v>
      </c>
    </row>
    <row r="55" spans="1:11" ht="15" customHeight="1">
      <c r="A55" s="17" t="s">
        <v>107</v>
      </c>
      <c r="B55" s="17"/>
      <c r="C55" s="13">
        <v>2799</v>
      </c>
      <c r="D55" s="19">
        <v>1516</v>
      </c>
      <c r="E55" s="19">
        <v>1283</v>
      </c>
      <c r="F55" s="19"/>
      <c r="G55" s="18" t="s">
        <v>108</v>
      </c>
      <c r="H55" s="17"/>
      <c r="I55" s="13">
        <v>441</v>
      </c>
      <c r="J55" s="19">
        <v>113</v>
      </c>
      <c r="K55" s="19">
        <v>328</v>
      </c>
    </row>
    <row r="56" spans="1:11" ht="15" customHeight="1">
      <c r="A56" s="17" t="s">
        <v>109</v>
      </c>
      <c r="B56" s="17"/>
      <c r="C56" s="13">
        <v>2788</v>
      </c>
      <c r="D56" s="19">
        <v>1450</v>
      </c>
      <c r="E56" s="19">
        <v>1338</v>
      </c>
      <c r="F56" s="19"/>
      <c r="G56" s="18" t="s">
        <v>110</v>
      </c>
      <c r="H56" s="17"/>
      <c r="I56" s="13">
        <v>387</v>
      </c>
      <c r="J56" s="19">
        <v>108</v>
      </c>
      <c r="K56" s="19">
        <v>279</v>
      </c>
    </row>
    <row r="57" spans="1:11" ht="15" customHeight="1">
      <c r="A57" s="17" t="s">
        <v>111</v>
      </c>
      <c r="B57" s="17"/>
      <c r="C57" s="13">
        <v>2802</v>
      </c>
      <c r="D57" s="19">
        <v>1442</v>
      </c>
      <c r="E57" s="19">
        <v>1360</v>
      </c>
      <c r="F57" s="19"/>
      <c r="G57" s="18" t="s">
        <v>112</v>
      </c>
      <c r="H57" s="17"/>
      <c r="I57" s="13">
        <v>249</v>
      </c>
      <c r="J57" s="19">
        <v>71</v>
      </c>
      <c r="K57" s="19">
        <v>178</v>
      </c>
    </row>
    <row r="58" spans="1:11" ht="15" customHeight="1">
      <c r="A58" s="17" t="s">
        <v>113</v>
      </c>
      <c r="B58" s="17"/>
      <c r="C58" s="13">
        <v>2927</v>
      </c>
      <c r="D58" s="19">
        <v>1545</v>
      </c>
      <c r="E58" s="19">
        <v>1382</v>
      </c>
      <c r="F58" s="19"/>
      <c r="G58" s="18" t="s">
        <v>114</v>
      </c>
      <c r="H58" s="17"/>
      <c r="I58" s="13">
        <v>226</v>
      </c>
      <c r="J58" s="19">
        <v>60</v>
      </c>
      <c r="K58" s="19">
        <v>166</v>
      </c>
    </row>
    <row r="59" spans="1:11" ht="20.100000000000001" customHeight="1">
      <c r="A59" s="17" t="s">
        <v>115</v>
      </c>
      <c r="B59" s="17"/>
      <c r="C59" s="13">
        <v>14737</v>
      </c>
      <c r="D59" s="14">
        <v>7905</v>
      </c>
      <c r="E59" s="14">
        <v>6832</v>
      </c>
      <c r="F59" s="14"/>
      <c r="G59" s="18" t="s">
        <v>116</v>
      </c>
      <c r="H59" s="17"/>
      <c r="I59" s="13">
        <v>507</v>
      </c>
      <c r="J59" s="14">
        <v>111</v>
      </c>
      <c r="K59" s="14">
        <v>396</v>
      </c>
    </row>
    <row r="60" spans="1:11" ht="15" customHeight="1">
      <c r="A60" s="17" t="s">
        <v>117</v>
      </c>
      <c r="B60" s="17"/>
      <c r="C60" s="13">
        <v>2896</v>
      </c>
      <c r="D60" s="19">
        <v>1552</v>
      </c>
      <c r="E60" s="19">
        <v>1344</v>
      </c>
      <c r="F60" s="19"/>
      <c r="G60" s="18" t="s">
        <v>118</v>
      </c>
      <c r="H60" s="17"/>
      <c r="I60" s="13">
        <v>183</v>
      </c>
      <c r="J60" s="19">
        <v>45</v>
      </c>
      <c r="K60" s="19">
        <v>138</v>
      </c>
    </row>
    <row r="61" spans="1:11" ht="15" customHeight="1">
      <c r="A61" s="17" t="s">
        <v>119</v>
      </c>
      <c r="B61" s="17"/>
      <c r="C61" s="13">
        <v>2974</v>
      </c>
      <c r="D61" s="19">
        <v>1597</v>
      </c>
      <c r="E61" s="19">
        <v>1377</v>
      </c>
      <c r="F61" s="19"/>
      <c r="G61" s="18" t="s">
        <v>120</v>
      </c>
      <c r="H61" s="17"/>
      <c r="I61" s="13">
        <v>110</v>
      </c>
      <c r="J61" s="19">
        <v>28</v>
      </c>
      <c r="K61" s="19">
        <v>82</v>
      </c>
    </row>
    <row r="62" spans="1:11" ht="15" customHeight="1">
      <c r="A62" s="17" t="s">
        <v>121</v>
      </c>
      <c r="B62" s="17"/>
      <c r="C62" s="13">
        <v>3039</v>
      </c>
      <c r="D62" s="19">
        <v>1670</v>
      </c>
      <c r="E62" s="19">
        <v>1369</v>
      </c>
      <c r="F62" s="19"/>
      <c r="G62" s="18" t="s">
        <v>122</v>
      </c>
      <c r="H62" s="17"/>
      <c r="I62" s="13">
        <v>93</v>
      </c>
      <c r="J62" s="19">
        <v>17</v>
      </c>
      <c r="K62" s="19">
        <v>76</v>
      </c>
    </row>
    <row r="63" spans="1:11" ht="15" customHeight="1">
      <c r="A63" s="17" t="s">
        <v>123</v>
      </c>
      <c r="B63" s="17"/>
      <c r="C63" s="13">
        <v>2943</v>
      </c>
      <c r="D63" s="19">
        <v>1555</v>
      </c>
      <c r="E63" s="19">
        <v>1388</v>
      </c>
      <c r="F63" s="19"/>
      <c r="G63" s="18" t="s">
        <v>124</v>
      </c>
      <c r="H63" s="17"/>
      <c r="I63" s="13">
        <v>68</v>
      </c>
      <c r="J63" s="19">
        <v>13</v>
      </c>
      <c r="K63" s="19">
        <v>55</v>
      </c>
    </row>
    <row r="64" spans="1:11" ht="15" customHeight="1">
      <c r="A64" s="17" t="s">
        <v>125</v>
      </c>
      <c r="B64" s="17"/>
      <c r="C64" s="13">
        <v>2885</v>
      </c>
      <c r="D64" s="19">
        <v>1531</v>
      </c>
      <c r="E64" s="19">
        <v>1354</v>
      </c>
      <c r="F64" s="19"/>
      <c r="G64" s="18" t="s">
        <v>126</v>
      </c>
      <c r="H64" s="17"/>
      <c r="I64" s="13">
        <v>53</v>
      </c>
      <c r="J64" s="19">
        <v>8</v>
      </c>
      <c r="K64" s="19">
        <v>4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9</v>
      </c>
      <c r="J65" s="19">
        <v>12</v>
      </c>
      <c r="K65" s="19">
        <v>6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892</v>
      </c>
      <c r="J66" s="29">
        <v>685</v>
      </c>
      <c r="K66" s="29">
        <v>1207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5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63917</v>
      </c>
      <c r="D4" s="14">
        <v>133853</v>
      </c>
      <c r="E4" s="14">
        <v>13006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2660</v>
      </c>
      <c r="D5" s="14">
        <v>6466</v>
      </c>
      <c r="E5" s="14">
        <v>6194</v>
      </c>
      <c r="F5" s="14"/>
      <c r="G5" s="18" t="s">
        <v>8</v>
      </c>
      <c r="H5" s="17"/>
      <c r="I5" s="13">
        <v>19910</v>
      </c>
      <c r="J5" s="14">
        <v>10489</v>
      </c>
      <c r="K5" s="14">
        <v>9421</v>
      </c>
    </row>
    <row r="6" spans="1:11" ht="15" customHeight="1">
      <c r="A6" s="17" t="s">
        <v>9</v>
      </c>
      <c r="B6" s="17"/>
      <c r="C6" s="13">
        <v>2564</v>
      </c>
      <c r="D6" s="19">
        <v>1297</v>
      </c>
      <c r="E6" s="19">
        <v>1267</v>
      </c>
      <c r="F6" s="19"/>
      <c r="G6" s="18" t="s">
        <v>10</v>
      </c>
      <c r="H6" s="17"/>
      <c r="I6" s="13">
        <v>4302</v>
      </c>
      <c r="J6" s="19">
        <v>2223</v>
      </c>
      <c r="K6" s="19">
        <v>2079</v>
      </c>
    </row>
    <row r="7" spans="1:11" ht="15" customHeight="1">
      <c r="A7" s="17" t="s">
        <v>11</v>
      </c>
      <c r="B7" s="17"/>
      <c r="C7" s="13">
        <v>2578</v>
      </c>
      <c r="D7" s="19">
        <v>1306</v>
      </c>
      <c r="E7" s="19">
        <v>1272</v>
      </c>
      <c r="F7" s="19"/>
      <c r="G7" s="18" t="s">
        <v>12</v>
      </c>
      <c r="H7" s="17"/>
      <c r="I7" s="13">
        <v>4286</v>
      </c>
      <c r="J7" s="19">
        <v>2247</v>
      </c>
      <c r="K7" s="19">
        <v>2039</v>
      </c>
    </row>
    <row r="8" spans="1:11" ht="15" customHeight="1">
      <c r="A8" s="17" t="s">
        <v>13</v>
      </c>
      <c r="B8" s="17"/>
      <c r="C8" s="13">
        <v>2471</v>
      </c>
      <c r="D8" s="19">
        <v>1276</v>
      </c>
      <c r="E8" s="19">
        <v>1195</v>
      </c>
      <c r="F8" s="19"/>
      <c r="G8" s="18" t="s">
        <v>14</v>
      </c>
      <c r="H8" s="17"/>
      <c r="I8" s="13">
        <v>4124</v>
      </c>
      <c r="J8" s="19">
        <v>2177</v>
      </c>
      <c r="K8" s="19">
        <v>1947</v>
      </c>
    </row>
    <row r="9" spans="1:11" ht="15" customHeight="1">
      <c r="A9" s="17" t="s">
        <v>15</v>
      </c>
      <c r="B9" s="17"/>
      <c r="C9" s="13">
        <v>2548</v>
      </c>
      <c r="D9" s="19">
        <v>1304</v>
      </c>
      <c r="E9" s="19">
        <v>1244</v>
      </c>
      <c r="F9" s="19"/>
      <c r="G9" s="18" t="s">
        <v>16</v>
      </c>
      <c r="H9" s="17"/>
      <c r="I9" s="13">
        <v>4251</v>
      </c>
      <c r="J9" s="19">
        <v>2309</v>
      </c>
      <c r="K9" s="19">
        <v>1942</v>
      </c>
    </row>
    <row r="10" spans="1:11" ht="15" customHeight="1">
      <c r="A10" s="17" t="s">
        <v>17</v>
      </c>
      <c r="B10" s="17"/>
      <c r="C10" s="13">
        <v>2499</v>
      </c>
      <c r="D10" s="19">
        <v>1283</v>
      </c>
      <c r="E10" s="19">
        <v>1216</v>
      </c>
      <c r="F10" s="19"/>
      <c r="G10" s="18" t="s">
        <v>18</v>
      </c>
      <c r="H10" s="17"/>
      <c r="I10" s="13">
        <v>2947</v>
      </c>
      <c r="J10" s="19">
        <v>1533</v>
      </c>
      <c r="K10" s="19">
        <v>1414</v>
      </c>
    </row>
    <row r="11" spans="1:11" ht="20.100000000000001" customHeight="1">
      <c r="A11" s="17" t="s">
        <v>19</v>
      </c>
      <c r="B11" s="17"/>
      <c r="C11" s="13">
        <v>11283</v>
      </c>
      <c r="D11" s="14">
        <v>5786</v>
      </c>
      <c r="E11" s="14">
        <v>5497</v>
      </c>
      <c r="F11" s="14"/>
      <c r="G11" s="18" t="s">
        <v>20</v>
      </c>
      <c r="H11" s="17"/>
      <c r="I11" s="13">
        <v>15827</v>
      </c>
      <c r="J11" s="14">
        <v>8393</v>
      </c>
      <c r="K11" s="14">
        <v>7434</v>
      </c>
    </row>
    <row r="12" spans="1:11" ht="15" customHeight="1">
      <c r="A12" s="17" t="s">
        <v>21</v>
      </c>
      <c r="B12" s="17"/>
      <c r="C12" s="13">
        <v>2389</v>
      </c>
      <c r="D12" s="19">
        <v>1224</v>
      </c>
      <c r="E12" s="19">
        <v>1165</v>
      </c>
      <c r="F12" s="19"/>
      <c r="G12" s="18" t="s">
        <v>22</v>
      </c>
      <c r="H12" s="17"/>
      <c r="I12" s="13">
        <v>3751</v>
      </c>
      <c r="J12" s="19">
        <v>1968</v>
      </c>
      <c r="K12" s="19">
        <v>1783</v>
      </c>
    </row>
    <row r="13" spans="1:11" ht="15" customHeight="1">
      <c r="A13" s="17" t="s">
        <v>23</v>
      </c>
      <c r="B13" s="17"/>
      <c r="C13" s="13">
        <v>2373</v>
      </c>
      <c r="D13" s="19">
        <v>1197</v>
      </c>
      <c r="E13" s="19">
        <v>1176</v>
      </c>
      <c r="F13" s="19"/>
      <c r="G13" s="18" t="s">
        <v>24</v>
      </c>
      <c r="H13" s="17"/>
      <c r="I13" s="13">
        <v>3410</v>
      </c>
      <c r="J13" s="19">
        <v>1801</v>
      </c>
      <c r="K13" s="19">
        <v>1609</v>
      </c>
    </row>
    <row r="14" spans="1:11" ht="15" customHeight="1">
      <c r="A14" s="17" t="s">
        <v>25</v>
      </c>
      <c r="B14" s="17"/>
      <c r="C14" s="13">
        <v>2224</v>
      </c>
      <c r="D14" s="19">
        <v>1145</v>
      </c>
      <c r="E14" s="19">
        <v>1079</v>
      </c>
      <c r="F14" s="19"/>
      <c r="G14" s="18" t="s">
        <v>26</v>
      </c>
      <c r="H14" s="17"/>
      <c r="I14" s="13">
        <v>3168</v>
      </c>
      <c r="J14" s="19">
        <v>1710</v>
      </c>
      <c r="K14" s="19">
        <v>1458</v>
      </c>
    </row>
    <row r="15" spans="1:11" ht="15" customHeight="1">
      <c r="A15" s="17" t="s">
        <v>27</v>
      </c>
      <c r="B15" s="17"/>
      <c r="C15" s="13">
        <v>2156</v>
      </c>
      <c r="D15" s="19">
        <v>1128</v>
      </c>
      <c r="E15" s="19">
        <v>1028</v>
      </c>
      <c r="F15" s="19"/>
      <c r="G15" s="18" t="s">
        <v>28</v>
      </c>
      <c r="H15" s="17"/>
      <c r="I15" s="13">
        <v>2888</v>
      </c>
      <c r="J15" s="19">
        <v>1532</v>
      </c>
      <c r="K15" s="19">
        <v>1356</v>
      </c>
    </row>
    <row r="16" spans="1:11" ht="15" customHeight="1">
      <c r="A16" s="17" t="s">
        <v>29</v>
      </c>
      <c r="B16" s="17"/>
      <c r="C16" s="13">
        <v>2141</v>
      </c>
      <c r="D16" s="19">
        <v>1092</v>
      </c>
      <c r="E16" s="19">
        <v>1049</v>
      </c>
      <c r="F16" s="19"/>
      <c r="G16" s="18" t="s">
        <v>30</v>
      </c>
      <c r="H16" s="17"/>
      <c r="I16" s="13">
        <v>2610</v>
      </c>
      <c r="J16" s="19">
        <v>1382</v>
      </c>
      <c r="K16" s="19">
        <v>1228</v>
      </c>
    </row>
    <row r="17" spans="1:11" ht="20.100000000000001" customHeight="1">
      <c r="A17" s="20" t="s">
        <v>31</v>
      </c>
      <c r="B17" s="20"/>
      <c r="C17" s="13">
        <v>10206</v>
      </c>
      <c r="D17" s="14">
        <v>5263</v>
      </c>
      <c r="E17" s="14">
        <v>4943</v>
      </c>
      <c r="F17" s="14"/>
      <c r="G17" s="18" t="s">
        <v>32</v>
      </c>
      <c r="H17" s="17"/>
      <c r="I17" s="13">
        <v>11160</v>
      </c>
      <c r="J17" s="14">
        <v>5950</v>
      </c>
      <c r="K17" s="14">
        <v>5210</v>
      </c>
    </row>
    <row r="18" spans="1:11" ht="15" customHeight="1">
      <c r="A18" s="17" t="s">
        <v>33</v>
      </c>
      <c r="B18" s="17"/>
      <c r="C18" s="13">
        <v>2115</v>
      </c>
      <c r="D18" s="19">
        <v>1062</v>
      </c>
      <c r="E18" s="19">
        <v>1053</v>
      </c>
      <c r="F18" s="19"/>
      <c r="G18" s="18" t="s">
        <v>34</v>
      </c>
      <c r="H18" s="17"/>
      <c r="I18" s="13">
        <v>2555</v>
      </c>
      <c r="J18" s="19">
        <v>1364</v>
      </c>
      <c r="K18" s="19">
        <v>1191</v>
      </c>
    </row>
    <row r="19" spans="1:11" ht="15" customHeight="1">
      <c r="A19" s="17" t="s">
        <v>35</v>
      </c>
      <c r="B19" s="17"/>
      <c r="C19" s="13">
        <v>2114</v>
      </c>
      <c r="D19" s="19">
        <v>1083</v>
      </c>
      <c r="E19" s="19">
        <v>1031</v>
      </c>
      <c r="F19" s="19"/>
      <c r="G19" s="18" t="s">
        <v>36</v>
      </c>
      <c r="H19" s="17"/>
      <c r="I19" s="13">
        <v>2267</v>
      </c>
      <c r="J19" s="19">
        <v>1229</v>
      </c>
      <c r="K19" s="19">
        <v>1038</v>
      </c>
    </row>
    <row r="20" spans="1:11" ht="15" customHeight="1">
      <c r="A20" s="17" t="s">
        <v>37</v>
      </c>
      <c r="B20" s="17"/>
      <c r="C20" s="13">
        <v>2026</v>
      </c>
      <c r="D20" s="19">
        <v>1046</v>
      </c>
      <c r="E20" s="19">
        <v>980</v>
      </c>
      <c r="F20" s="19"/>
      <c r="G20" s="18" t="s">
        <v>38</v>
      </c>
      <c r="H20" s="17"/>
      <c r="I20" s="13">
        <v>2273</v>
      </c>
      <c r="J20" s="19">
        <v>1225</v>
      </c>
      <c r="K20" s="19">
        <v>1048</v>
      </c>
    </row>
    <row r="21" spans="1:11" ht="15" customHeight="1">
      <c r="A21" s="17" t="s">
        <v>39</v>
      </c>
      <c r="B21" s="17"/>
      <c r="C21" s="13">
        <v>1976</v>
      </c>
      <c r="D21" s="19">
        <v>1035</v>
      </c>
      <c r="E21" s="19">
        <v>941</v>
      </c>
      <c r="F21" s="19"/>
      <c r="G21" s="18" t="s">
        <v>40</v>
      </c>
      <c r="H21" s="17"/>
      <c r="I21" s="13">
        <v>2005</v>
      </c>
      <c r="J21" s="19">
        <v>1043</v>
      </c>
      <c r="K21" s="19">
        <v>962</v>
      </c>
    </row>
    <row r="22" spans="1:11" ht="15" customHeight="1">
      <c r="A22" s="17" t="s">
        <v>41</v>
      </c>
      <c r="B22" s="17"/>
      <c r="C22" s="13">
        <v>1975</v>
      </c>
      <c r="D22" s="19">
        <v>1037</v>
      </c>
      <c r="E22" s="19">
        <v>938</v>
      </c>
      <c r="F22" s="19"/>
      <c r="G22" s="18" t="s">
        <v>42</v>
      </c>
      <c r="H22" s="17"/>
      <c r="I22" s="13">
        <v>2060</v>
      </c>
      <c r="J22" s="19">
        <v>1089</v>
      </c>
      <c r="K22" s="19">
        <v>971</v>
      </c>
    </row>
    <row r="23" spans="1:11" ht="20.100000000000001" customHeight="1">
      <c r="A23" s="17" t="s">
        <v>43</v>
      </c>
      <c r="B23" s="17"/>
      <c r="C23" s="13">
        <v>9979</v>
      </c>
      <c r="D23" s="14">
        <v>5215</v>
      </c>
      <c r="E23" s="14">
        <v>4764</v>
      </c>
      <c r="F23" s="14"/>
      <c r="G23" s="18" t="s">
        <v>44</v>
      </c>
      <c r="H23" s="17"/>
      <c r="I23" s="13">
        <v>9524</v>
      </c>
      <c r="J23" s="14">
        <v>4819</v>
      </c>
      <c r="K23" s="14">
        <v>4705</v>
      </c>
    </row>
    <row r="24" spans="1:11" ht="15" customHeight="1">
      <c r="A24" s="17" t="s">
        <v>45</v>
      </c>
      <c r="B24" s="17"/>
      <c r="C24" s="13">
        <v>1865</v>
      </c>
      <c r="D24" s="19">
        <v>970</v>
      </c>
      <c r="E24" s="19">
        <v>895</v>
      </c>
      <c r="F24" s="19"/>
      <c r="G24" s="18" t="s">
        <v>46</v>
      </c>
      <c r="H24" s="17"/>
      <c r="I24" s="13">
        <v>1916</v>
      </c>
      <c r="J24" s="19">
        <v>1006</v>
      </c>
      <c r="K24" s="19">
        <v>910</v>
      </c>
    </row>
    <row r="25" spans="1:11" ht="15" customHeight="1">
      <c r="A25" s="17" t="s">
        <v>47</v>
      </c>
      <c r="B25" s="17"/>
      <c r="C25" s="13">
        <v>1974</v>
      </c>
      <c r="D25" s="19">
        <v>1027</v>
      </c>
      <c r="E25" s="19">
        <v>947</v>
      </c>
      <c r="F25" s="19"/>
      <c r="G25" s="18" t="s">
        <v>48</v>
      </c>
      <c r="H25" s="17"/>
      <c r="I25" s="13">
        <v>1837</v>
      </c>
      <c r="J25" s="19">
        <v>948</v>
      </c>
      <c r="K25" s="19">
        <v>889</v>
      </c>
    </row>
    <row r="26" spans="1:11" ht="15" customHeight="1">
      <c r="A26" s="17" t="s">
        <v>49</v>
      </c>
      <c r="B26" s="17"/>
      <c r="C26" s="13">
        <v>1924</v>
      </c>
      <c r="D26" s="19">
        <v>986</v>
      </c>
      <c r="E26" s="19">
        <v>938</v>
      </c>
      <c r="F26" s="19"/>
      <c r="G26" s="18" t="s">
        <v>50</v>
      </c>
      <c r="H26" s="17"/>
      <c r="I26" s="13">
        <v>1864</v>
      </c>
      <c r="J26" s="19">
        <v>932</v>
      </c>
      <c r="K26" s="19">
        <v>932</v>
      </c>
    </row>
    <row r="27" spans="1:11" ht="15" customHeight="1">
      <c r="A27" s="17" t="s">
        <v>51</v>
      </c>
      <c r="B27" s="17"/>
      <c r="C27" s="13">
        <v>1957</v>
      </c>
      <c r="D27" s="19">
        <v>1009</v>
      </c>
      <c r="E27" s="19">
        <v>948</v>
      </c>
      <c r="F27" s="19"/>
      <c r="G27" s="18" t="s">
        <v>52</v>
      </c>
      <c r="H27" s="17"/>
      <c r="I27" s="13">
        <v>1950</v>
      </c>
      <c r="J27" s="19">
        <v>1004</v>
      </c>
      <c r="K27" s="19">
        <v>946</v>
      </c>
    </row>
    <row r="28" spans="1:11" ht="15" customHeight="1">
      <c r="A28" s="17" t="s">
        <v>53</v>
      </c>
      <c r="B28" s="17"/>
      <c r="C28" s="13">
        <v>2259</v>
      </c>
      <c r="D28" s="19">
        <v>1223</v>
      </c>
      <c r="E28" s="19">
        <v>1036</v>
      </c>
      <c r="F28" s="19"/>
      <c r="G28" s="18" t="s">
        <v>54</v>
      </c>
      <c r="H28" s="17"/>
      <c r="I28" s="13">
        <v>1957</v>
      </c>
      <c r="J28" s="19">
        <v>929</v>
      </c>
      <c r="K28" s="19">
        <v>1028</v>
      </c>
    </row>
    <row r="29" spans="1:11" ht="20.100000000000001" customHeight="1">
      <c r="A29" s="17" t="s">
        <v>55</v>
      </c>
      <c r="B29" s="17"/>
      <c r="C29" s="13">
        <v>15522</v>
      </c>
      <c r="D29" s="14">
        <v>7797</v>
      </c>
      <c r="E29" s="14">
        <v>7725</v>
      </c>
      <c r="F29" s="14"/>
      <c r="G29" s="18" t="s">
        <v>56</v>
      </c>
      <c r="H29" s="17"/>
      <c r="I29" s="13">
        <v>10282</v>
      </c>
      <c r="J29" s="14">
        <v>5019</v>
      </c>
      <c r="K29" s="14">
        <v>5263</v>
      </c>
    </row>
    <row r="30" spans="1:11" ht="15" customHeight="1">
      <c r="A30" s="17" t="s">
        <v>57</v>
      </c>
      <c r="B30" s="17"/>
      <c r="C30" s="13">
        <v>2508</v>
      </c>
      <c r="D30" s="19">
        <v>1302</v>
      </c>
      <c r="E30" s="19">
        <v>1206</v>
      </c>
      <c r="F30" s="19"/>
      <c r="G30" s="18" t="s">
        <v>58</v>
      </c>
      <c r="H30" s="17"/>
      <c r="I30" s="13">
        <v>2198</v>
      </c>
      <c r="J30" s="19">
        <v>1109</v>
      </c>
      <c r="K30" s="19">
        <v>1089</v>
      </c>
    </row>
    <row r="31" spans="1:11" ht="15" customHeight="1">
      <c r="A31" s="17" t="s">
        <v>59</v>
      </c>
      <c r="B31" s="17"/>
      <c r="C31" s="13">
        <v>2600</v>
      </c>
      <c r="D31" s="19">
        <v>1251</v>
      </c>
      <c r="E31" s="19">
        <v>1349</v>
      </c>
      <c r="F31" s="19"/>
      <c r="G31" s="18" t="s">
        <v>60</v>
      </c>
      <c r="H31" s="17"/>
      <c r="I31" s="13">
        <v>2288</v>
      </c>
      <c r="J31" s="19">
        <v>1095</v>
      </c>
      <c r="K31" s="19">
        <v>1193</v>
      </c>
    </row>
    <row r="32" spans="1:11" ht="15" customHeight="1">
      <c r="A32" s="17" t="s">
        <v>61</v>
      </c>
      <c r="B32" s="17"/>
      <c r="C32" s="13">
        <v>2875</v>
      </c>
      <c r="D32" s="19">
        <v>1406</v>
      </c>
      <c r="E32" s="19">
        <v>1469</v>
      </c>
      <c r="F32" s="19"/>
      <c r="G32" s="18" t="s">
        <v>62</v>
      </c>
      <c r="H32" s="17"/>
      <c r="I32" s="13">
        <v>2266</v>
      </c>
      <c r="J32" s="19">
        <v>1115</v>
      </c>
      <c r="K32" s="19">
        <v>1151</v>
      </c>
    </row>
    <row r="33" spans="1:11" ht="15" customHeight="1">
      <c r="A33" s="17" t="s">
        <v>63</v>
      </c>
      <c r="B33" s="17"/>
      <c r="C33" s="13">
        <v>3682</v>
      </c>
      <c r="D33" s="19">
        <v>1849</v>
      </c>
      <c r="E33" s="19">
        <v>1833</v>
      </c>
      <c r="F33" s="19"/>
      <c r="G33" s="18" t="s">
        <v>64</v>
      </c>
      <c r="H33" s="17"/>
      <c r="I33" s="13">
        <v>2050</v>
      </c>
      <c r="J33" s="19">
        <v>1009</v>
      </c>
      <c r="K33" s="19">
        <v>1041</v>
      </c>
    </row>
    <row r="34" spans="1:11" ht="15" customHeight="1">
      <c r="A34" s="17" t="s">
        <v>65</v>
      </c>
      <c r="B34" s="17"/>
      <c r="C34" s="13">
        <v>3857</v>
      </c>
      <c r="D34" s="19">
        <v>1989</v>
      </c>
      <c r="E34" s="19">
        <v>1868</v>
      </c>
      <c r="F34" s="19"/>
      <c r="G34" s="18" t="s">
        <v>66</v>
      </c>
      <c r="H34" s="17"/>
      <c r="I34" s="13">
        <v>1480</v>
      </c>
      <c r="J34" s="19">
        <v>691</v>
      </c>
      <c r="K34" s="19">
        <v>789</v>
      </c>
    </row>
    <row r="35" spans="1:11" ht="20.100000000000001" customHeight="1">
      <c r="A35" s="17" t="s">
        <v>67</v>
      </c>
      <c r="B35" s="17"/>
      <c r="C35" s="13">
        <v>21940</v>
      </c>
      <c r="D35" s="14">
        <v>11323</v>
      </c>
      <c r="E35" s="14">
        <v>10617</v>
      </c>
      <c r="F35" s="14"/>
      <c r="G35" s="18" t="s">
        <v>68</v>
      </c>
      <c r="H35" s="17"/>
      <c r="I35" s="13">
        <v>7472</v>
      </c>
      <c r="J35" s="14">
        <v>3393</v>
      </c>
      <c r="K35" s="14">
        <v>4079</v>
      </c>
    </row>
    <row r="36" spans="1:11" ht="15" customHeight="1">
      <c r="A36" s="17" t="s">
        <v>69</v>
      </c>
      <c r="B36" s="17"/>
      <c r="C36" s="13">
        <v>4181</v>
      </c>
      <c r="D36" s="19">
        <v>2181</v>
      </c>
      <c r="E36" s="19">
        <v>2000</v>
      </c>
      <c r="F36" s="19"/>
      <c r="G36" s="18" t="s">
        <v>70</v>
      </c>
      <c r="H36" s="17"/>
      <c r="I36" s="13">
        <v>1303</v>
      </c>
      <c r="J36" s="19">
        <v>585</v>
      </c>
      <c r="K36" s="19">
        <v>718</v>
      </c>
    </row>
    <row r="37" spans="1:11" ht="15" customHeight="1">
      <c r="A37" s="17" t="s">
        <v>71</v>
      </c>
      <c r="B37" s="17"/>
      <c r="C37" s="13">
        <v>4394</v>
      </c>
      <c r="D37" s="19">
        <v>2238</v>
      </c>
      <c r="E37" s="19">
        <v>2156</v>
      </c>
      <c r="F37" s="19"/>
      <c r="G37" s="18" t="s">
        <v>72</v>
      </c>
      <c r="H37" s="17"/>
      <c r="I37" s="13">
        <v>1530</v>
      </c>
      <c r="J37" s="19">
        <v>707</v>
      </c>
      <c r="K37" s="19">
        <v>823</v>
      </c>
    </row>
    <row r="38" spans="1:11" ht="15" customHeight="1">
      <c r="A38" s="17" t="s">
        <v>73</v>
      </c>
      <c r="B38" s="17"/>
      <c r="C38" s="13">
        <v>4476</v>
      </c>
      <c r="D38" s="19">
        <v>2276</v>
      </c>
      <c r="E38" s="19">
        <v>2200</v>
      </c>
      <c r="F38" s="19"/>
      <c r="G38" s="18" t="s">
        <v>74</v>
      </c>
      <c r="H38" s="17"/>
      <c r="I38" s="13">
        <v>1638</v>
      </c>
      <c r="J38" s="19">
        <v>768</v>
      </c>
      <c r="K38" s="19">
        <v>870</v>
      </c>
    </row>
    <row r="39" spans="1:11" ht="15" customHeight="1">
      <c r="A39" s="17" t="s">
        <v>75</v>
      </c>
      <c r="B39" s="17"/>
      <c r="C39" s="13">
        <v>4489</v>
      </c>
      <c r="D39" s="19">
        <v>2333</v>
      </c>
      <c r="E39" s="19">
        <v>2156</v>
      </c>
      <c r="F39" s="19"/>
      <c r="G39" s="18" t="s">
        <v>76</v>
      </c>
      <c r="H39" s="17"/>
      <c r="I39" s="13">
        <v>1467</v>
      </c>
      <c r="J39" s="19">
        <v>644</v>
      </c>
      <c r="K39" s="19">
        <v>823</v>
      </c>
    </row>
    <row r="40" spans="1:11" ht="15" customHeight="1">
      <c r="A40" s="17" t="s">
        <v>77</v>
      </c>
      <c r="B40" s="17"/>
      <c r="C40" s="13">
        <v>4400</v>
      </c>
      <c r="D40" s="19">
        <v>2295</v>
      </c>
      <c r="E40" s="19">
        <v>2105</v>
      </c>
      <c r="F40" s="19"/>
      <c r="G40" s="18" t="s">
        <v>78</v>
      </c>
      <c r="H40" s="17"/>
      <c r="I40" s="13">
        <v>1534</v>
      </c>
      <c r="J40" s="19">
        <v>689</v>
      </c>
      <c r="K40" s="19">
        <v>845</v>
      </c>
    </row>
    <row r="41" spans="1:11" ht="20.100000000000001" customHeight="1">
      <c r="A41" s="17" t="s">
        <v>79</v>
      </c>
      <c r="B41" s="17"/>
      <c r="C41" s="13">
        <v>22022</v>
      </c>
      <c r="D41" s="14">
        <v>11039</v>
      </c>
      <c r="E41" s="14">
        <v>10983</v>
      </c>
      <c r="F41" s="14"/>
      <c r="G41" s="18" t="s">
        <v>80</v>
      </c>
      <c r="H41" s="17"/>
      <c r="I41" s="13">
        <v>5598</v>
      </c>
      <c r="J41" s="14">
        <v>2251</v>
      </c>
      <c r="K41" s="14">
        <v>3347</v>
      </c>
    </row>
    <row r="42" spans="1:11" ht="15" customHeight="1">
      <c r="A42" s="17" t="s">
        <v>81</v>
      </c>
      <c r="B42" s="17"/>
      <c r="C42" s="13">
        <v>4315</v>
      </c>
      <c r="D42" s="19">
        <v>2148</v>
      </c>
      <c r="E42" s="19">
        <v>2167</v>
      </c>
      <c r="F42" s="19"/>
      <c r="G42" s="18" t="s">
        <v>82</v>
      </c>
      <c r="H42" s="17"/>
      <c r="I42" s="13">
        <v>1254</v>
      </c>
      <c r="J42" s="19">
        <v>530</v>
      </c>
      <c r="K42" s="19">
        <v>724</v>
      </c>
    </row>
    <row r="43" spans="1:11" ht="15" customHeight="1">
      <c r="A43" s="17" t="s">
        <v>83</v>
      </c>
      <c r="B43" s="17"/>
      <c r="C43" s="13">
        <v>4294</v>
      </c>
      <c r="D43" s="19">
        <v>2150</v>
      </c>
      <c r="E43" s="19">
        <v>2144</v>
      </c>
      <c r="F43" s="19"/>
      <c r="G43" s="18" t="s">
        <v>84</v>
      </c>
      <c r="H43" s="17"/>
      <c r="I43" s="13">
        <v>1160</v>
      </c>
      <c r="J43" s="19">
        <v>469</v>
      </c>
      <c r="K43" s="19">
        <v>691</v>
      </c>
    </row>
    <row r="44" spans="1:11" ht="15" customHeight="1">
      <c r="A44" s="17" t="s">
        <v>85</v>
      </c>
      <c r="B44" s="17"/>
      <c r="C44" s="13">
        <v>4509</v>
      </c>
      <c r="D44" s="19">
        <v>2307</v>
      </c>
      <c r="E44" s="19">
        <v>2202</v>
      </c>
      <c r="F44" s="19"/>
      <c r="G44" s="18" t="s">
        <v>86</v>
      </c>
      <c r="H44" s="17"/>
      <c r="I44" s="13">
        <v>1035</v>
      </c>
      <c r="J44" s="19">
        <v>419</v>
      </c>
      <c r="K44" s="19">
        <v>616</v>
      </c>
    </row>
    <row r="45" spans="1:11" ht="15" customHeight="1">
      <c r="A45" s="17" t="s">
        <v>87</v>
      </c>
      <c r="B45" s="17"/>
      <c r="C45" s="13">
        <v>4442</v>
      </c>
      <c r="D45" s="19">
        <v>2195</v>
      </c>
      <c r="E45" s="19">
        <v>2247</v>
      </c>
      <c r="F45" s="19"/>
      <c r="G45" s="18" t="s">
        <v>88</v>
      </c>
      <c r="H45" s="17"/>
      <c r="I45" s="13">
        <v>1139</v>
      </c>
      <c r="J45" s="19">
        <v>419</v>
      </c>
      <c r="K45" s="19">
        <v>720</v>
      </c>
    </row>
    <row r="46" spans="1:11" ht="15" customHeight="1">
      <c r="A46" s="17" t="s">
        <v>89</v>
      </c>
      <c r="B46" s="17"/>
      <c r="C46" s="13">
        <v>4462</v>
      </c>
      <c r="D46" s="19">
        <v>2239</v>
      </c>
      <c r="E46" s="19">
        <v>2223</v>
      </c>
      <c r="F46" s="19"/>
      <c r="G46" s="18" t="s">
        <v>90</v>
      </c>
      <c r="H46" s="17"/>
      <c r="I46" s="13">
        <v>1010</v>
      </c>
      <c r="J46" s="19">
        <v>414</v>
      </c>
      <c r="K46" s="19">
        <v>596</v>
      </c>
    </row>
    <row r="47" spans="1:11" ht="20.100000000000001" customHeight="1">
      <c r="A47" s="17" t="s">
        <v>91</v>
      </c>
      <c r="B47" s="17"/>
      <c r="C47" s="13">
        <v>22138</v>
      </c>
      <c r="D47" s="14">
        <v>11508</v>
      </c>
      <c r="E47" s="14">
        <v>10630</v>
      </c>
      <c r="F47" s="14"/>
      <c r="G47" s="18" t="s">
        <v>92</v>
      </c>
      <c r="H47" s="17"/>
      <c r="I47" s="13">
        <v>3916</v>
      </c>
      <c r="J47" s="14">
        <v>1309</v>
      </c>
      <c r="K47" s="14">
        <v>2607</v>
      </c>
    </row>
    <row r="48" spans="1:11" ht="15" customHeight="1">
      <c r="A48" s="17" t="s">
        <v>93</v>
      </c>
      <c r="B48" s="17"/>
      <c r="C48" s="13">
        <v>4487</v>
      </c>
      <c r="D48" s="19">
        <v>2356</v>
      </c>
      <c r="E48" s="19">
        <v>2131</v>
      </c>
      <c r="F48" s="19"/>
      <c r="G48" s="18" t="s">
        <v>94</v>
      </c>
      <c r="H48" s="17"/>
      <c r="I48" s="13">
        <v>1007</v>
      </c>
      <c r="J48" s="19">
        <v>356</v>
      </c>
      <c r="K48" s="19">
        <v>651</v>
      </c>
    </row>
    <row r="49" spans="1:11" ht="15" customHeight="1">
      <c r="A49" s="17" t="s">
        <v>95</v>
      </c>
      <c r="B49" s="17"/>
      <c r="C49" s="13">
        <v>4581</v>
      </c>
      <c r="D49" s="19">
        <v>2385</v>
      </c>
      <c r="E49" s="19">
        <v>2196</v>
      </c>
      <c r="F49" s="19"/>
      <c r="G49" s="18" t="s">
        <v>96</v>
      </c>
      <c r="H49" s="17"/>
      <c r="I49" s="13">
        <v>836</v>
      </c>
      <c r="J49" s="19">
        <v>280</v>
      </c>
      <c r="K49" s="19">
        <v>556</v>
      </c>
    </row>
    <row r="50" spans="1:11" ht="15" customHeight="1">
      <c r="A50" s="17" t="s">
        <v>97</v>
      </c>
      <c r="B50" s="17"/>
      <c r="C50" s="13">
        <v>4528</v>
      </c>
      <c r="D50" s="19">
        <v>2350</v>
      </c>
      <c r="E50" s="19">
        <v>2178</v>
      </c>
      <c r="F50" s="19"/>
      <c r="G50" s="18" t="s">
        <v>98</v>
      </c>
      <c r="H50" s="17"/>
      <c r="I50" s="13">
        <v>761</v>
      </c>
      <c r="J50" s="19">
        <v>255</v>
      </c>
      <c r="K50" s="19">
        <v>506</v>
      </c>
    </row>
    <row r="51" spans="1:11" ht="15" customHeight="1">
      <c r="A51" s="17" t="s">
        <v>99</v>
      </c>
      <c r="B51" s="17"/>
      <c r="C51" s="13">
        <v>4321</v>
      </c>
      <c r="D51" s="19">
        <v>2272</v>
      </c>
      <c r="E51" s="19">
        <v>2049</v>
      </c>
      <c r="F51" s="19"/>
      <c r="G51" s="18" t="s">
        <v>100</v>
      </c>
      <c r="H51" s="17"/>
      <c r="I51" s="13">
        <v>709</v>
      </c>
      <c r="J51" s="19">
        <v>226</v>
      </c>
      <c r="K51" s="19">
        <v>483</v>
      </c>
    </row>
    <row r="52" spans="1:11" ht="15" customHeight="1">
      <c r="A52" s="17" t="s">
        <v>101</v>
      </c>
      <c r="B52" s="17"/>
      <c r="C52" s="13">
        <v>4221</v>
      </c>
      <c r="D52" s="19">
        <v>2145</v>
      </c>
      <c r="E52" s="19">
        <v>2076</v>
      </c>
      <c r="F52" s="19"/>
      <c r="G52" s="18" t="s">
        <v>102</v>
      </c>
      <c r="H52" s="17"/>
      <c r="I52" s="13">
        <v>603</v>
      </c>
      <c r="J52" s="19">
        <v>192</v>
      </c>
      <c r="K52" s="19">
        <v>411</v>
      </c>
    </row>
    <row r="53" spans="1:11" ht="20.100000000000001" customHeight="1">
      <c r="A53" s="17" t="s">
        <v>103</v>
      </c>
      <c r="B53" s="17"/>
      <c r="C53" s="13">
        <v>21630</v>
      </c>
      <c r="D53" s="14">
        <v>11047</v>
      </c>
      <c r="E53" s="14">
        <v>10583</v>
      </c>
      <c r="F53" s="14"/>
      <c r="G53" s="18" t="s">
        <v>104</v>
      </c>
      <c r="H53" s="17"/>
      <c r="I53" s="13">
        <v>1987</v>
      </c>
      <c r="J53" s="14">
        <v>559</v>
      </c>
      <c r="K53" s="14">
        <v>1428</v>
      </c>
    </row>
    <row r="54" spans="1:11" ht="15" customHeight="1">
      <c r="A54" s="17" t="s">
        <v>105</v>
      </c>
      <c r="B54" s="17"/>
      <c r="C54" s="13">
        <v>4203</v>
      </c>
      <c r="D54" s="19">
        <v>2090</v>
      </c>
      <c r="E54" s="19">
        <v>2113</v>
      </c>
      <c r="F54" s="19"/>
      <c r="G54" s="18" t="s">
        <v>106</v>
      </c>
      <c r="H54" s="17"/>
      <c r="I54" s="13">
        <v>547</v>
      </c>
      <c r="J54" s="19">
        <v>170</v>
      </c>
      <c r="K54" s="19">
        <v>377</v>
      </c>
    </row>
    <row r="55" spans="1:11" ht="15" customHeight="1">
      <c r="A55" s="17" t="s">
        <v>107</v>
      </c>
      <c r="B55" s="17"/>
      <c r="C55" s="13">
        <v>4207</v>
      </c>
      <c r="D55" s="19">
        <v>2148</v>
      </c>
      <c r="E55" s="19">
        <v>2059</v>
      </c>
      <c r="F55" s="19"/>
      <c r="G55" s="18" t="s">
        <v>108</v>
      </c>
      <c r="H55" s="17"/>
      <c r="I55" s="13">
        <v>481</v>
      </c>
      <c r="J55" s="19">
        <v>146</v>
      </c>
      <c r="K55" s="19">
        <v>335</v>
      </c>
    </row>
    <row r="56" spans="1:11" ht="15" customHeight="1">
      <c r="A56" s="17" t="s">
        <v>109</v>
      </c>
      <c r="B56" s="17"/>
      <c r="C56" s="13">
        <v>4345</v>
      </c>
      <c r="D56" s="19">
        <v>2182</v>
      </c>
      <c r="E56" s="19">
        <v>2163</v>
      </c>
      <c r="F56" s="19"/>
      <c r="G56" s="18" t="s">
        <v>110</v>
      </c>
      <c r="H56" s="17"/>
      <c r="I56" s="13">
        <v>412</v>
      </c>
      <c r="J56" s="19">
        <v>98</v>
      </c>
      <c r="K56" s="19">
        <v>314</v>
      </c>
    </row>
    <row r="57" spans="1:11" ht="15" customHeight="1">
      <c r="A57" s="17" t="s">
        <v>111</v>
      </c>
      <c r="B57" s="17"/>
      <c r="C57" s="13">
        <v>4352</v>
      </c>
      <c r="D57" s="19">
        <v>2254</v>
      </c>
      <c r="E57" s="19">
        <v>2098</v>
      </c>
      <c r="F57" s="19"/>
      <c r="G57" s="18" t="s">
        <v>112</v>
      </c>
      <c r="H57" s="17"/>
      <c r="I57" s="13">
        <v>301</v>
      </c>
      <c r="J57" s="19">
        <v>66</v>
      </c>
      <c r="K57" s="19">
        <v>235</v>
      </c>
    </row>
    <row r="58" spans="1:11" ht="15" customHeight="1">
      <c r="A58" s="17" t="s">
        <v>113</v>
      </c>
      <c r="B58" s="17"/>
      <c r="C58" s="13">
        <v>4523</v>
      </c>
      <c r="D58" s="19">
        <v>2373</v>
      </c>
      <c r="E58" s="19">
        <v>2150</v>
      </c>
      <c r="F58" s="19"/>
      <c r="G58" s="18" t="s">
        <v>114</v>
      </c>
      <c r="H58" s="17"/>
      <c r="I58" s="13">
        <v>246</v>
      </c>
      <c r="J58" s="19">
        <v>79</v>
      </c>
      <c r="K58" s="19">
        <v>167</v>
      </c>
    </row>
    <row r="59" spans="1:11" ht="20.100000000000001" customHeight="1">
      <c r="A59" s="17" t="s">
        <v>115</v>
      </c>
      <c r="B59" s="17"/>
      <c r="C59" s="13">
        <v>22984</v>
      </c>
      <c r="D59" s="14">
        <v>11729</v>
      </c>
      <c r="E59" s="14">
        <v>11255</v>
      </c>
      <c r="F59" s="14"/>
      <c r="G59" s="18" t="s">
        <v>116</v>
      </c>
      <c r="H59" s="17"/>
      <c r="I59" s="13">
        <v>536</v>
      </c>
      <c r="J59" s="14">
        <v>121</v>
      </c>
      <c r="K59" s="14">
        <v>415</v>
      </c>
    </row>
    <row r="60" spans="1:11" ht="15" customHeight="1">
      <c r="A60" s="17" t="s">
        <v>117</v>
      </c>
      <c r="B60" s="17"/>
      <c r="C60" s="13">
        <v>4528</v>
      </c>
      <c r="D60" s="19">
        <v>2321</v>
      </c>
      <c r="E60" s="19">
        <v>2207</v>
      </c>
      <c r="F60" s="19"/>
      <c r="G60" s="18" t="s">
        <v>118</v>
      </c>
      <c r="H60" s="17"/>
      <c r="I60" s="13">
        <v>184</v>
      </c>
      <c r="J60" s="19">
        <v>54</v>
      </c>
      <c r="K60" s="19">
        <v>130</v>
      </c>
    </row>
    <row r="61" spans="1:11" ht="15" customHeight="1">
      <c r="A61" s="17" t="s">
        <v>119</v>
      </c>
      <c r="B61" s="17"/>
      <c r="C61" s="13">
        <v>4780</v>
      </c>
      <c r="D61" s="19">
        <v>2479</v>
      </c>
      <c r="E61" s="19">
        <v>2301</v>
      </c>
      <c r="F61" s="19"/>
      <c r="G61" s="18" t="s">
        <v>120</v>
      </c>
      <c r="H61" s="17"/>
      <c r="I61" s="13">
        <v>138</v>
      </c>
      <c r="J61" s="19">
        <v>27</v>
      </c>
      <c r="K61" s="19">
        <v>111</v>
      </c>
    </row>
    <row r="62" spans="1:11" ht="15" customHeight="1">
      <c r="A62" s="17" t="s">
        <v>121</v>
      </c>
      <c r="B62" s="17"/>
      <c r="C62" s="13">
        <v>4717</v>
      </c>
      <c r="D62" s="19">
        <v>2476</v>
      </c>
      <c r="E62" s="19">
        <v>2241</v>
      </c>
      <c r="F62" s="19"/>
      <c r="G62" s="18" t="s">
        <v>122</v>
      </c>
      <c r="H62" s="17"/>
      <c r="I62" s="13">
        <v>85</v>
      </c>
      <c r="J62" s="19">
        <v>16</v>
      </c>
      <c r="K62" s="19">
        <v>69</v>
      </c>
    </row>
    <row r="63" spans="1:11" ht="15" customHeight="1">
      <c r="A63" s="17" t="s">
        <v>123</v>
      </c>
      <c r="B63" s="17"/>
      <c r="C63" s="13">
        <v>4572</v>
      </c>
      <c r="D63" s="19">
        <v>2278</v>
      </c>
      <c r="E63" s="19">
        <v>2294</v>
      </c>
      <c r="F63" s="19"/>
      <c r="G63" s="18" t="s">
        <v>124</v>
      </c>
      <c r="H63" s="17"/>
      <c r="I63" s="13">
        <v>76</v>
      </c>
      <c r="J63" s="19">
        <v>19</v>
      </c>
      <c r="K63" s="19">
        <v>57</v>
      </c>
    </row>
    <row r="64" spans="1:11" ht="15" customHeight="1">
      <c r="A64" s="17" t="s">
        <v>125</v>
      </c>
      <c r="B64" s="17"/>
      <c r="C64" s="13">
        <v>4387</v>
      </c>
      <c r="D64" s="19">
        <v>2175</v>
      </c>
      <c r="E64" s="19">
        <v>2212</v>
      </c>
      <c r="F64" s="19"/>
      <c r="G64" s="18" t="s">
        <v>126</v>
      </c>
      <c r="H64" s="17"/>
      <c r="I64" s="13">
        <v>53</v>
      </c>
      <c r="J64" s="19">
        <v>5</v>
      </c>
      <c r="K64" s="19">
        <v>4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85</v>
      </c>
      <c r="J65" s="19">
        <v>11</v>
      </c>
      <c r="K65" s="19">
        <v>7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7256</v>
      </c>
      <c r="J66" s="29">
        <v>4366</v>
      </c>
      <c r="K66" s="29">
        <v>289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4249</v>
      </c>
      <c r="D4" s="14">
        <v>116283</v>
      </c>
      <c r="E4" s="14">
        <v>11796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826</v>
      </c>
      <c r="D5" s="14">
        <v>4971</v>
      </c>
      <c r="E5" s="14">
        <v>4855</v>
      </c>
      <c r="F5" s="14"/>
      <c r="G5" s="18" t="s">
        <v>8</v>
      </c>
      <c r="H5" s="17"/>
      <c r="I5" s="13">
        <v>18334</v>
      </c>
      <c r="J5" s="14">
        <v>9640</v>
      </c>
      <c r="K5" s="14">
        <v>8694</v>
      </c>
    </row>
    <row r="6" spans="1:11" ht="15" customHeight="1">
      <c r="A6" s="17" t="s">
        <v>9</v>
      </c>
      <c r="B6" s="17"/>
      <c r="C6" s="13">
        <v>1898</v>
      </c>
      <c r="D6" s="19">
        <v>953</v>
      </c>
      <c r="E6" s="19">
        <v>945</v>
      </c>
      <c r="F6" s="19"/>
      <c r="G6" s="18" t="s">
        <v>10</v>
      </c>
      <c r="H6" s="17"/>
      <c r="I6" s="13">
        <v>4016</v>
      </c>
      <c r="J6" s="19">
        <v>2122</v>
      </c>
      <c r="K6" s="19">
        <v>1894</v>
      </c>
    </row>
    <row r="7" spans="1:11" ht="15" customHeight="1">
      <c r="A7" s="17" t="s">
        <v>11</v>
      </c>
      <c r="B7" s="17"/>
      <c r="C7" s="13">
        <v>1942</v>
      </c>
      <c r="D7" s="19">
        <v>994</v>
      </c>
      <c r="E7" s="19">
        <v>948</v>
      </c>
      <c r="F7" s="19"/>
      <c r="G7" s="18" t="s">
        <v>12</v>
      </c>
      <c r="H7" s="17"/>
      <c r="I7" s="13">
        <v>3840</v>
      </c>
      <c r="J7" s="19">
        <v>2017</v>
      </c>
      <c r="K7" s="19">
        <v>1823</v>
      </c>
    </row>
    <row r="8" spans="1:11" ht="15" customHeight="1">
      <c r="A8" s="17" t="s">
        <v>13</v>
      </c>
      <c r="B8" s="17"/>
      <c r="C8" s="13">
        <v>1954</v>
      </c>
      <c r="D8" s="19">
        <v>977</v>
      </c>
      <c r="E8" s="19">
        <v>977</v>
      </c>
      <c r="F8" s="19"/>
      <c r="G8" s="18" t="s">
        <v>14</v>
      </c>
      <c r="H8" s="17"/>
      <c r="I8" s="13">
        <v>3837</v>
      </c>
      <c r="J8" s="19">
        <v>1997</v>
      </c>
      <c r="K8" s="19">
        <v>1840</v>
      </c>
    </row>
    <row r="9" spans="1:11" ht="15" customHeight="1">
      <c r="A9" s="17" t="s">
        <v>15</v>
      </c>
      <c r="B9" s="17"/>
      <c r="C9" s="13">
        <v>2067</v>
      </c>
      <c r="D9" s="19">
        <v>1047</v>
      </c>
      <c r="E9" s="19">
        <v>1020</v>
      </c>
      <c r="F9" s="19"/>
      <c r="G9" s="18" t="s">
        <v>16</v>
      </c>
      <c r="H9" s="17"/>
      <c r="I9" s="13">
        <v>3871</v>
      </c>
      <c r="J9" s="19">
        <v>2048</v>
      </c>
      <c r="K9" s="19">
        <v>1823</v>
      </c>
    </row>
    <row r="10" spans="1:11" ht="15" customHeight="1">
      <c r="A10" s="17" t="s">
        <v>17</v>
      </c>
      <c r="B10" s="17"/>
      <c r="C10" s="13">
        <v>1965</v>
      </c>
      <c r="D10" s="19">
        <v>1000</v>
      </c>
      <c r="E10" s="19">
        <v>965</v>
      </c>
      <c r="F10" s="19"/>
      <c r="G10" s="18" t="s">
        <v>18</v>
      </c>
      <c r="H10" s="17"/>
      <c r="I10" s="13">
        <v>2770</v>
      </c>
      <c r="J10" s="19">
        <v>1456</v>
      </c>
      <c r="K10" s="19">
        <v>1314</v>
      </c>
    </row>
    <row r="11" spans="1:11" ht="20.100000000000001" customHeight="1">
      <c r="A11" s="17" t="s">
        <v>19</v>
      </c>
      <c r="B11" s="17"/>
      <c r="C11" s="13">
        <v>9769</v>
      </c>
      <c r="D11" s="14">
        <v>5034</v>
      </c>
      <c r="E11" s="14">
        <v>4735</v>
      </c>
      <c r="F11" s="14"/>
      <c r="G11" s="18" t="s">
        <v>20</v>
      </c>
      <c r="H11" s="17"/>
      <c r="I11" s="13">
        <v>14621</v>
      </c>
      <c r="J11" s="14">
        <v>7717</v>
      </c>
      <c r="K11" s="14">
        <v>6904</v>
      </c>
    </row>
    <row r="12" spans="1:11" ht="15" customHeight="1">
      <c r="A12" s="17" t="s">
        <v>21</v>
      </c>
      <c r="B12" s="17"/>
      <c r="C12" s="13">
        <v>1999</v>
      </c>
      <c r="D12" s="19">
        <v>1048</v>
      </c>
      <c r="E12" s="19">
        <v>951</v>
      </c>
      <c r="F12" s="19"/>
      <c r="G12" s="18" t="s">
        <v>22</v>
      </c>
      <c r="H12" s="17"/>
      <c r="I12" s="13">
        <v>3398</v>
      </c>
      <c r="J12" s="19">
        <v>1796</v>
      </c>
      <c r="K12" s="19">
        <v>1602</v>
      </c>
    </row>
    <row r="13" spans="1:11" ht="15" customHeight="1">
      <c r="A13" s="17" t="s">
        <v>23</v>
      </c>
      <c r="B13" s="17"/>
      <c r="C13" s="13">
        <v>1978</v>
      </c>
      <c r="D13" s="19">
        <v>1021</v>
      </c>
      <c r="E13" s="19">
        <v>957</v>
      </c>
      <c r="F13" s="19"/>
      <c r="G13" s="18" t="s">
        <v>24</v>
      </c>
      <c r="H13" s="17"/>
      <c r="I13" s="13">
        <v>3062</v>
      </c>
      <c r="J13" s="19">
        <v>1620</v>
      </c>
      <c r="K13" s="19">
        <v>1442</v>
      </c>
    </row>
    <row r="14" spans="1:11" ht="15" customHeight="1">
      <c r="A14" s="17" t="s">
        <v>25</v>
      </c>
      <c r="B14" s="17"/>
      <c r="C14" s="13">
        <v>1929</v>
      </c>
      <c r="D14" s="19">
        <v>961</v>
      </c>
      <c r="E14" s="19">
        <v>968</v>
      </c>
      <c r="F14" s="19"/>
      <c r="G14" s="18" t="s">
        <v>26</v>
      </c>
      <c r="H14" s="17"/>
      <c r="I14" s="13">
        <v>2905</v>
      </c>
      <c r="J14" s="19">
        <v>1529</v>
      </c>
      <c r="K14" s="19">
        <v>1376</v>
      </c>
    </row>
    <row r="15" spans="1:11" ht="15" customHeight="1">
      <c r="A15" s="17" t="s">
        <v>27</v>
      </c>
      <c r="B15" s="17"/>
      <c r="C15" s="13">
        <v>1939</v>
      </c>
      <c r="D15" s="19">
        <v>1008</v>
      </c>
      <c r="E15" s="19">
        <v>931</v>
      </c>
      <c r="F15" s="19"/>
      <c r="G15" s="18" t="s">
        <v>28</v>
      </c>
      <c r="H15" s="17"/>
      <c r="I15" s="13">
        <v>2658</v>
      </c>
      <c r="J15" s="19">
        <v>1419</v>
      </c>
      <c r="K15" s="19">
        <v>1239</v>
      </c>
    </row>
    <row r="16" spans="1:11" ht="15" customHeight="1">
      <c r="A16" s="17" t="s">
        <v>29</v>
      </c>
      <c r="B16" s="17"/>
      <c r="C16" s="13">
        <v>1924</v>
      </c>
      <c r="D16" s="19">
        <v>996</v>
      </c>
      <c r="E16" s="19">
        <v>928</v>
      </c>
      <c r="F16" s="19"/>
      <c r="G16" s="18" t="s">
        <v>30</v>
      </c>
      <c r="H16" s="17"/>
      <c r="I16" s="13">
        <v>2598</v>
      </c>
      <c r="J16" s="19">
        <v>1353</v>
      </c>
      <c r="K16" s="19">
        <v>1245</v>
      </c>
    </row>
    <row r="17" spans="1:11" ht="20.100000000000001" customHeight="1">
      <c r="A17" s="20" t="s">
        <v>31</v>
      </c>
      <c r="B17" s="20"/>
      <c r="C17" s="13">
        <v>9630</v>
      </c>
      <c r="D17" s="14">
        <v>4946</v>
      </c>
      <c r="E17" s="14">
        <v>4684</v>
      </c>
      <c r="F17" s="14"/>
      <c r="G17" s="18" t="s">
        <v>32</v>
      </c>
      <c r="H17" s="17"/>
      <c r="I17" s="13">
        <v>10423</v>
      </c>
      <c r="J17" s="14">
        <v>5370</v>
      </c>
      <c r="K17" s="14">
        <v>5053</v>
      </c>
    </row>
    <row r="18" spans="1:11" ht="15" customHeight="1">
      <c r="A18" s="17" t="s">
        <v>33</v>
      </c>
      <c r="B18" s="17"/>
      <c r="C18" s="13">
        <v>1920</v>
      </c>
      <c r="D18" s="19">
        <v>994</v>
      </c>
      <c r="E18" s="19">
        <v>926</v>
      </c>
      <c r="F18" s="19"/>
      <c r="G18" s="18" t="s">
        <v>34</v>
      </c>
      <c r="H18" s="17"/>
      <c r="I18" s="13">
        <v>2339</v>
      </c>
      <c r="J18" s="19">
        <v>1237</v>
      </c>
      <c r="K18" s="19">
        <v>1102</v>
      </c>
    </row>
    <row r="19" spans="1:11" ht="15" customHeight="1">
      <c r="A19" s="17" t="s">
        <v>35</v>
      </c>
      <c r="B19" s="17"/>
      <c r="C19" s="13">
        <v>1912</v>
      </c>
      <c r="D19" s="19">
        <v>979</v>
      </c>
      <c r="E19" s="19">
        <v>933</v>
      </c>
      <c r="F19" s="19"/>
      <c r="G19" s="18" t="s">
        <v>36</v>
      </c>
      <c r="H19" s="17"/>
      <c r="I19" s="13">
        <v>2183</v>
      </c>
      <c r="J19" s="19">
        <v>1123</v>
      </c>
      <c r="K19" s="19">
        <v>1060</v>
      </c>
    </row>
    <row r="20" spans="1:11" ht="15" customHeight="1">
      <c r="A20" s="17" t="s">
        <v>37</v>
      </c>
      <c r="B20" s="17"/>
      <c r="C20" s="13">
        <v>1952</v>
      </c>
      <c r="D20" s="19">
        <v>1022</v>
      </c>
      <c r="E20" s="19">
        <v>930</v>
      </c>
      <c r="F20" s="19"/>
      <c r="G20" s="18" t="s">
        <v>38</v>
      </c>
      <c r="H20" s="17"/>
      <c r="I20" s="13">
        <v>2030</v>
      </c>
      <c r="J20" s="19">
        <v>1016</v>
      </c>
      <c r="K20" s="19">
        <v>1014</v>
      </c>
    </row>
    <row r="21" spans="1:11" ht="15" customHeight="1">
      <c r="A21" s="17" t="s">
        <v>39</v>
      </c>
      <c r="B21" s="17"/>
      <c r="C21" s="13">
        <v>1922</v>
      </c>
      <c r="D21" s="19">
        <v>976</v>
      </c>
      <c r="E21" s="19">
        <v>946</v>
      </c>
      <c r="F21" s="19"/>
      <c r="G21" s="18" t="s">
        <v>40</v>
      </c>
      <c r="H21" s="17"/>
      <c r="I21" s="13">
        <v>1938</v>
      </c>
      <c r="J21" s="19">
        <v>1007</v>
      </c>
      <c r="K21" s="19">
        <v>931</v>
      </c>
    </row>
    <row r="22" spans="1:11" ht="15" customHeight="1">
      <c r="A22" s="17" t="s">
        <v>41</v>
      </c>
      <c r="B22" s="17"/>
      <c r="C22" s="13">
        <v>1924</v>
      </c>
      <c r="D22" s="19">
        <v>975</v>
      </c>
      <c r="E22" s="19">
        <v>949</v>
      </c>
      <c r="F22" s="19"/>
      <c r="G22" s="18" t="s">
        <v>42</v>
      </c>
      <c r="H22" s="17"/>
      <c r="I22" s="13">
        <v>1933</v>
      </c>
      <c r="J22" s="19">
        <v>987</v>
      </c>
      <c r="K22" s="19">
        <v>946</v>
      </c>
    </row>
    <row r="23" spans="1:11" ht="20.100000000000001" customHeight="1">
      <c r="A23" s="17" t="s">
        <v>43</v>
      </c>
      <c r="B23" s="17"/>
      <c r="C23" s="13">
        <v>9682</v>
      </c>
      <c r="D23" s="14">
        <v>4879</v>
      </c>
      <c r="E23" s="14">
        <v>4803</v>
      </c>
      <c r="F23" s="14"/>
      <c r="G23" s="18" t="s">
        <v>44</v>
      </c>
      <c r="H23" s="17"/>
      <c r="I23" s="13">
        <v>10080</v>
      </c>
      <c r="J23" s="14">
        <v>4903</v>
      </c>
      <c r="K23" s="14">
        <v>5177</v>
      </c>
    </row>
    <row r="24" spans="1:11" ht="15" customHeight="1">
      <c r="A24" s="17" t="s">
        <v>45</v>
      </c>
      <c r="B24" s="17"/>
      <c r="C24" s="13">
        <v>1840</v>
      </c>
      <c r="D24" s="19">
        <v>945</v>
      </c>
      <c r="E24" s="19">
        <v>895</v>
      </c>
      <c r="F24" s="19"/>
      <c r="G24" s="18" t="s">
        <v>46</v>
      </c>
      <c r="H24" s="17"/>
      <c r="I24" s="13">
        <v>1958</v>
      </c>
      <c r="J24" s="19">
        <v>947</v>
      </c>
      <c r="K24" s="19">
        <v>1011</v>
      </c>
    </row>
    <row r="25" spans="1:11" ht="15" customHeight="1">
      <c r="A25" s="17" t="s">
        <v>47</v>
      </c>
      <c r="B25" s="17"/>
      <c r="C25" s="13">
        <v>1896</v>
      </c>
      <c r="D25" s="19">
        <v>974</v>
      </c>
      <c r="E25" s="19">
        <v>922</v>
      </c>
      <c r="F25" s="19"/>
      <c r="G25" s="18" t="s">
        <v>48</v>
      </c>
      <c r="H25" s="17"/>
      <c r="I25" s="13">
        <v>1910</v>
      </c>
      <c r="J25" s="19">
        <v>915</v>
      </c>
      <c r="K25" s="19">
        <v>995</v>
      </c>
    </row>
    <row r="26" spans="1:11" ht="15" customHeight="1">
      <c r="A26" s="17" t="s">
        <v>49</v>
      </c>
      <c r="B26" s="17"/>
      <c r="C26" s="13">
        <v>1808</v>
      </c>
      <c r="D26" s="19">
        <v>943</v>
      </c>
      <c r="E26" s="19">
        <v>865</v>
      </c>
      <c r="F26" s="19"/>
      <c r="G26" s="18" t="s">
        <v>50</v>
      </c>
      <c r="H26" s="17"/>
      <c r="I26" s="13">
        <v>1996</v>
      </c>
      <c r="J26" s="19">
        <v>1001</v>
      </c>
      <c r="K26" s="19">
        <v>995</v>
      </c>
    </row>
    <row r="27" spans="1:11" ht="15" customHeight="1">
      <c r="A27" s="17" t="s">
        <v>51</v>
      </c>
      <c r="B27" s="17"/>
      <c r="C27" s="13">
        <v>1905</v>
      </c>
      <c r="D27" s="19">
        <v>972</v>
      </c>
      <c r="E27" s="19">
        <v>933</v>
      </c>
      <c r="F27" s="19"/>
      <c r="G27" s="18" t="s">
        <v>52</v>
      </c>
      <c r="H27" s="17"/>
      <c r="I27" s="13">
        <v>2081</v>
      </c>
      <c r="J27" s="19">
        <v>991</v>
      </c>
      <c r="K27" s="19">
        <v>1090</v>
      </c>
    </row>
    <row r="28" spans="1:11" ht="15" customHeight="1">
      <c r="A28" s="17" t="s">
        <v>53</v>
      </c>
      <c r="B28" s="17"/>
      <c r="C28" s="13">
        <v>2233</v>
      </c>
      <c r="D28" s="19">
        <v>1045</v>
      </c>
      <c r="E28" s="19">
        <v>1188</v>
      </c>
      <c r="F28" s="19"/>
      <c r="G28" s="18" t="s">
        <v>54</v>
      </c>
      <c r="H28" s="17"/>
      <c r="I28" s="13">
        <v>2135</v>
      </c>
      <c r="J28" s="19">
        <v>1049</v>
      </c>
      <c r="K28" s="19">
        <v>1086</v>
      </c>
    </row>
    <row r="29" spans="1:11" ht="20.100000000000001" customHeight="1">
      <c r="A29" s="17" t="s">
        <v>55</v>
      </c>
      <c r="B29" s="17"/>
      <c r="C29" s="13">
        <v>13624</v>
      </c>
      <c r="D29" s="14">
        <v>6732</v>
      </c>
      <c r="E29" s="14">
        <v>6892</v>
      </c>
      <c r="F29" s="14"/>
      <c r="G29" s="18" t="s">
        <v>56</v>
      </c>
      <c r="H29" s="17"/>
      <c r="I29" s="13">
        <v>11399</v>
      </c>
      <c r="J29" s="14">
        <v>5442</v>
      </c>
      <c r="K29" s="14">
        <v>5957</v>
      </c>
    </row>
    <row r="30" spans="1:11" ht="15" customHeight="1">
      <c r="A30" s="17" t="s">
        <v>57</v>
      </c>
      <c r="B30" s="17"/>
      <c r="C30" s="13">
        <v>2330</v>
      </c>
      <c r="D30" s="19">
        <v>1179</v>
      </c>
      <c r="E30" s="19">
        <v>1151</v>
      </c>
      <c r="F30" s="19"/>
      <c r="G30" s="18" t="s">
        <v>58</v>
      </c>
      <c r="H30" s="17"/>
      <c r="I30" s="13">
        <v>2265</v>
      </c>
      <c r="J30" s="19">
        <v>1132</v>
      </c>
      <c r="K30" s="19">
        <v>1133</v>
      </c>
    </row>
    <row r="31" spans="1:11" ht="15" customHeight="1">
      <c r="A31" s="17" t="s">
        <v>59</v>
      </c>
      <c r="B31" s="17"/>
      <c r="C31" s="13">
        <v>2513</v>
      </c>
      <c r="D31" s="19">
        <v>1235</v>
      </c>
      <c r="E31" s="19">
        <v>1278</v>
      </c>
      <c r="F31" s="19"/>
      <c r="G31" s="18" t="s">
        <v>60</v>
      </c>
      <c r="H31" s="17"/>
      <c r="I31" s="13">
        <v>2572</v>
      </c>
      <c r="J31" s="19">
        <v>1202</v>
      </c>
      <c r="K31" s="19">
        <v>1370</v>
      </c>
    </row>
    <row r="32" spans="1:11" ht="15" customHeight="1">
      <c r="A32" s="17" t="s">
        <v>61</v>
      </c>
      <c r="B32" s="17"/>
      <c r="C32" s="13">
        <v>2680</v>
      </c>
      <c r="D32" s="19">
        <v>1319</v>
      </c>
      <c r="E32" s="19">
        <v>1361</v>
      </c>
      <c r="F32" s="19"/>
      <c r="G32" s="18" t="s">
        <v>62</v>
      </c>
      <c r="H32" s="17"/>
      <c r="I32" s="13">
        <v>2475</v>
      </c>
      <c r="J32" s="19">
        <v>1162</v>
      </c>
      <c r="K32" s="19">
        <v>1313</v>
      </c>
    </row>
    <row r="33" spans="1:11" ht="15" customHeight="1">
      <c r="A33" s="17" t="s">
        <v>63</v>
      </c>
      <c r="B33" s="17"/>
      <c r="C33" s="13">
        <v>2987</v>
      </c>
      <c r="D33" s="19">
        <v>1518</v>
      </c>
      <c r="E33" s="19">
        <v>1469</v>
      </c>
      <c r="F33" s="19"/>
      <c r="G33" s="18" t="s">
        <v>64</v>
      </c>
      <c r="H33" s="17"/>
      <c r="I33" s="13">
        <v>2403</v>
      </c>
      <c r="J33" s="19">
        <v>1145</v>
      </c>
      <c r="K33" s="19">
        <v>1258</v>
      </c>
    </row>
    <row r="34" spans="1:11" ht="15" customHeight="1">
      <c r="A34" s="17" t="s">
        <v>65</v>
      </c>
      <c r="B34" s="17"/>
      <c r="C34" s="13">
        <v>3114</v>
      </c>
      <c r="D34" s="19">
        <v>1481</v>
      </c>
      <c r="E34" s="19">
        <v>1633</v>
      </c>
      <c r="F34" s="19"/>
      <c r="G34" s="18" t="s">
        <v>66</v>
      </c>
      <c r="H34" s="17"/>
      <c r="I34" s="13">
        <v>1684</v>
      </c>
      <c r="J34" s="19">
        <v>801</v>
      </c>
      <c r="K34" s="19">
        <v>883</v>
      </c>
    </row>
    <row r="35" spans="1:11" ht="20.100000000000001" customHeight="1">
      <c r="A35" s="17" t="s">
        <v>67</v>
      </c>
      <c r="B35" s="17"/>
      <c r="C35" s="13">
        <v>15856</v>
      </c>
      <c r="D35" s="14">
        <v>8179</v>
      </c>
      <c r="E35" s="14">
        <v>7677</v>
      </c>
      <c r="F35" s="14"/>
      <c r="G35" s="18" t="s">
        <v>68</v>
      </c>
      <c r="H35" s="17"/>
      <c r="I35" s="13">
        <v>8495</v>
      </c>
      <c r="J35" s="14">
        <v>3813</v>
      </c>
      <c r="K35" s="14">
        <v>4682</v>
      </c>
    </row>
    <row r="36" spans="1:11" ht="15" customHeight="1">
      <c r="A36" s="17" t="s">
        <v>69</v>
      </c>
      <c r="B36" s="17"/>
      <c r="C36" s="13">
        <v>3153</v>
      </c>
      <c r="D36" s="19">
        <v>1597</v>
      </c>
      <c r="E36" s="19">
        <v>1556</v>
      </c>
      <c r="F36" s="19"/>
      <c r="G36" s="18" t="s">
        <v>70</v>
      </c>
      <c r="H36" s="17"/>
      <c r="I36" s="13">
        <v>1483</v>
      </c>
      <c r="J36" s="19">
        <v>694</v>
      </c>
      <c r="K36" s="19">
        <v>789</v>
      </c>
    </row>
    <row r="37" spans="1:11" ht="15" customHeight="1">
      <c r="A37" s="17" t="s">
        <v>71</v>
      </c>
      <c r="B37" s="17"/>
      <c r="C37" s="13">
        <v>3237</v>
      </c>
      <c r="D37" s="19">
        <v>1637</v>
      </c>
      <c r="E37" s="19">
        <v>1600</v>
      </c>
      <c r="F37" s="19"/>
      <c r="G37" s="18" t="s">
        <v>72</v>
      </c>
      <c r="H37" s="17"/>
      <c r="I37" s="13">
        <v>1855</v>
      </c>
      <c r="J37" s="19">
        <v>832</v>
      </c>
      <c r="K37" s="19">
        <v>1023</v>
      </c>
    </row>
    <row r="38" spans="1:11" ht="15" customHeight="1">
      <c r="A38" s="17" t="s">
        <v>73</v>
      </c>
      <c r="B38" s="17"/>
      <c r="C38" s="13">
        <v>3029</v>
      </c>
      <c r="D38" s="19">
        <v>1591</v>
      </c>
      <c r="E38" s="19">
        <v>1438</v>
      </c>
      <c r="F38" s="19"/>
      <c r="G38" s="18" t="s">
        <v>74</v>
      </c>
      <c r="H38" s="17"/>
      <c r="I38" s="13">
        <v>1801</v>
      </c>
      <c r="J38" s="19">
        <v>812</v>
      </c>
      <c r="K38" s="19">
        <v>989</v>
      </c>
    </row>
    <row r="39" spans="1:11" ht="15" customHeight="1">
      <c r="A39" s="17" t="s">
        <v>75</v>
      </c>
      <c r="B39" s="17"/>
      <c r="C39" s="13">
        <v>3167</v>
      </c>
      <c r="D39" s="19">
        <v>1665</v>
      </c>
      <c r="E39" s="19">
        <v>1502</v>
      </c>
      <c r="F39" s="19"/>
      <c r="G39" s="18" t="s">
        <v>76</v>
      </c>
      <c r="H39" s="17"/>
      <c r="I39" s="13">
        <v>1688</v>
      </c>
      <c r="J39" s="19">
        <v>746</v>
      </c>
      <c r="K39" s="19">
        <v>942</v>
      </c>
    </row>
    <row r="40" spans="1:11" ht="15" customHeight="1">
      <c r="A40" s="17" t="s">
        <v>77</v>
      </c>
      <c r="B40" s="17"/>
      <c r="C40" s="13">
        <v>3270</v>
      </c>
      <c r="D40" s="19">
        <v>1689</v>
      </c>
      <c r="E40" s="19">
        <v>1581</v>
      </c>
      <c r="F40" s="19"/>
      <c r="G40" s="18" t="s">
        <v>78</v>
      </c>
      <c r="H40" s="17"/>
      <c r="I40" s="13">
        <v>1668</v>
      </c>
      <c r="J40" s="19">
        <v>729</v>
      </c>
      <c r="K40" s="19">
        <v>939</v>
      </c>
    </row>
    <row r="41" spans="1:11" ht="20.100000000000001" customHeight="1">
      <c r="A41" s="17" t="s">
        <v>79</v>
      </c>
      <c r="B41" s="17"/>
      <c r="C41" s="13">
        <v>15971</v>
      </c>
      <c r="D41" s="14">
        <v>8103</v>
      </c>
      <c r="E41" s="14">
        <v>7868</v>
      </c>
      <c r="F41" s="14"/>
      <c r="G41" s="18" t="s">
        <v>80</v>
      </c>
      <c r="H41" s="17"/>
      <c r="I41" s="13">
        <v>6278</v>
      </c>
      <c r="J41" s="14">
        <v>2519</v>
      </c>
      <c r="K41" s="14">
        <v>3759</v>
      </c>
    </row>
    <row r="42" spans="1:11" ht="15" customHeight="1">
      <c r="A42" s="17" t="s">
        <v>81</v>
      </c>
      <c r="B42" s="17"/>
      <c r="C42" s="13">
        <v>3255</v>
      </c>
      <c r="D42" s="19">
        <v>1644</v>
      </c>
      <c r="E42" s="19">
        <v>1611</v>
      </c>
      <c r="F42" s="19"/>
      <c r="G42" s="18" t="s">
        <v>82</v>
      </c>
      <c r="H42" s="17"/>
      <c r="I42" s="13">
        <v>1505</v>
      </c>
      <c r="J42" s="19">
        <v>630</v>
      </c>
      <c r="K42" s="19">
        <v>875</v>
      </c>
    </row>
    <row r="43" spans="1:11" ht="15" customHeight="1">
      <c r="A43" s="17" t="s">
        <v>83</v>
      </c>
      <c r="B43" s="17"/>
      <c r="C43" s="13">
        <v>3024</v>
      </c>
      <c r="D43" s="19">
        <v>1539</v>
      </c>
      <c r="E43" s="19">
        <v>1485</v>
      </c>
      <c r="F43" s="19"/>
      <c r="G43" s="18" t="s">
        <v>84</v>
      </c>
      <c r="H43" s="17"/>
      <c r="I43" s="13">
        <v>1225</v>
      </c>
      <c r="J43" s="19">
        <v>487</v>
      </c>
      <c r="K43" s="19">
        <v>738</v>
      </c>
    </row>
    <row r="44" spans="1:11" ht="15" customHeight="1">
      <c r="A44" s="17" t="s">
        <v>85</v>
      </c>
      <c r="B44" s="17"/>
      <c r="C44" s="13">
        <v>3115</v>
      </c>
      <c r="D44" s="19">
        <v>1564</v>
      </c>
      <c r="E44" s="19">
        <v>1551</v>
      </c>
      <c r="F44" s="19"/>
      <c r="G44" s="18" t="s">
        <v>86</v>
      </c>
      <c r="H44" s="17"/>
      <c r="I44" s="13">
        <v>1233</v>
      </c>
      <c r="J44" s="19">
        <v>504</v>
      </c>
      <c r="K44" s="19">
        <v>729</v>
      </c>
    </row>
    <row r="45" spans="1:11" ht="15" customHeight="1">
      <c r="A45" s="17" t="s">
        <v>87</v>
      </c>
      <c r="B45" s="17"/>
      <c r="C45" s="13">
        <v>3205</v>
      </c>
      <c r="D45" s="19">
        <v>1625</v>
      </c>
      <c r="E45" s="19">
        <v>1580</v>
      </c>
      <c r="F45" s="19"/>
      <c r="G45" s="18" t="s">
        <v>88</v>
      </c>
      <c r="H45" s="17"/>
      <c r="I45" s="13">
        <v>1201</v>
      </c>
      <c r="J45" s="19">
        <v>468</v>
      </c>
      <c r="K45" s="19">
        <v>733</v>
      </c>
    </row>
    <row r="46" spans="1:11" ht="15" customHeight="1">
      <c r="A46" s="17" t="s">
        <v>89</v>
      </c>
      <c r="B46" s="17"/>
      <c r="C46" s="13">
        <v>3372</v>
      </c>
      <c r="D46" s="19">
        <v>1731</v>
      </c>
      <c r="E46" s="19">
        <v>1641</v>
      </c>
      <c r="F46" s="19"/>
      <c r="G46" s="18" t="s">
        <v>90</v>
      </c>
      <c r="H46" s="17"/>
      <c r="I46" s="13">
        <v>1114</v>
      </c>
      <c r="J46" s="19">
        <v>430</v>
      </c>
      <c r="K46" s="19">
        <v>684</v>
      </c>
    </row>
    <row r="47" spans="1:11" ht="20.100000000000001" customHeight="1">
      <c r="A47" s="17" t="s">
        <v>91</v>
      </c>
      <c r="B47" s="17"/>
      <c r="C47" s="13">
        <v>17222</v>
      </c>
      <c r="D47" s="14">
        <v>8827</v>
      </c>
      <c r="E47" s="14">
        <v>8395</v>
      </c>
      <c r="F47" s="14"/>
      <c r="G47" s="18" t="s">
        <v>92</v>
      </c>
      <c r="H47" s="17"/>
      <c r="I47" s="13">
        <v>4421</v>
      </c>
      <c r="J47" s="14">
        <v>1557</v>
      </c>
      <c r="K47" s="14">
        <v>2864</v>
      </c>
    </row>
    <row r="48" spans="1:11" ht="15" customHeight="1">
      <c r="A48" s="17" t="s">
        <v>93</v>
      </c>
      <c r="B48" s="17"/>
      <c r="C48" s="13">
        <v>3379</v>
      </c>
      <c r="D48" s="19">
        <v>1703</v>
      </c>
      <c r="E48" s="19">
        <v>1676</v>
      </c>
      <c r="F48" s="19"/>
      <c r="G48" s="18" t="s">
        <v>94</v>
      </c>
      <c r="H48" s="17"/>
      <c r="I48" s="13">
        <v>1145</v>
      </c>
      <c r="J48" s="19">
        <v>429</v>
      </c>
      <c r="K48" s="19">
        <v>716</v>
      </c>
    </row>
    <row r="49" spans="1:11" ht="15" customHeight="1">
      <c r="A49" s="17" t="s">
        <v>95</v>
      </c>
      <c r="B49" s="17"/>
      <c r="C49" s="13">
        <v>3578</v>
      </c>
      <c r="D49" s="19">
        <v>1798</v>
      </c>
      <c r="E49" s="19">
        <v>1780</v>
      </c>
      <c r="F49" s="19"/>
      <c r="G49" s="18" t="s">
        <v>96</v>
      </c>
      <c r="H49" s="17"/>
      <c r="I49" s="13">
        <v>952</v>
      </c>
      <c r="J49" s="19">
        <v>357</v>
      </c>
      <c r="K49" s="19">
        <v>595</v>
      </c>
    </row>
    <row r="50" spans="1:11" ht="15" customHeight="1">
      <c r="A50" s="17" t="s">
        <v>97</v>
      </c>
      <c r="B50" s="17"/>
      <c r="C50" s="13">
        <v>3448</v>
      </c>
      <c r="D50" s="19">
        <v>1822</v>
      </c>
      <c r="E50" s="19">
        <v>1626</v>
      </c>
      <c r="F50" s="19"/>
      <c r="G50" s="18" t="s">
        <v>98</v>
      </c>
      <c r="H50" s="17"/>
      <c r="I50" s="13">
        <v>857</v>
      </c>
      <c r="J50" s="19">
        <v>314</v>
      </c>
      <c r="K50" s="19">
        <v>543</v>
      </c>
    </row>
    <row r="51" spans="1:11" ht="15" customHeight="1">
      <c r="A51" s="17" t="s">
        <v>99</v>
      </c>
      <c r="B51" s="17"/>
      <c r="C51" s="13">
        <v>3341</v>
      </c>
      <c r="D51" s="19">
        <v>1705</v>
      </c>
      <c r="E51" s="19">
        <v>1636</v>
      </c>
      <c r="F51" s="19"/>
      <c r="G51" s="18" t="s">
        <v>100</v>
      </c>
      <c r="H51" s="17"/>
      <c r="I51" s="13">
        <v>811</v>
      </c>
      <c r="J51" s="19">
        <v>263</v>
      </c>
      <c r="K51" s="19">
        <v>548</v>
      </c>
    </row>
    <row r="52" spans="1:11" ht="15" customHeight="1">
      <c r="A52" s="17" t="s">
        <v>101</v>
      </c>
      <c r="B52" s="17"/>
      <c r="C52" s="13">
        <v>3476</v>
      </c>
      <c r="D52" s="19">
        <v>1799</v>
      </c>
      <c r="E52" s="19">
        <v>1677</v>
      </c>
      <c r="F52" s="19"/>
      <c r="G52" s="18" t="s">
        <v>102</v>
      </c>
      <c r="H52" s="17"/>
      <c r="I52" s="13">
        <v>656</v>
      </c>
      <c r="J52" s="19">
        <v>194</v>
      </c>
      <c r="K52" s="19">
        <v>462</v>
      </c>
    </row>
    <row r="53" spans="1:11" ht="20.100000000000001" customHeight="1">
      <c r="A53" s="17" t="s">
        <v>103</v>
      </c>
      <c r="B53" s="17"/>
      <c r="C53" s="13">
        <v>18273</v>
      </c>
      <c r="D53" s="14">
        <v>9282</v>
      </c>
      <c r="E53" s="14">
        <v>8991</v>
      </c>
      <c r="F53" s="14"/>
      <c r="G53" s="18" t="s">
        <v>104</v>
      </c>
      <c r="H53" s="17"/>
      <c r="I53" s="13">
        <v>1984</v>
      </c>
      <c r="J53" s="14">
        <v>552</v>
      </c>
      <c r="K53" s="14">
        <v>1432</v>
      </c>
    </row>
    <row r="54" spans="1:11" ht="15" customHeight="1">
      <c r="A54" s="17" t="s">
        <v>105</v>
      </c>
      <c r="B54" s="17"/>
      <c r="C54" s="13">
        <v>3473</v>
      </c>
      <c r="D54" s="19">
        <v>1813</v>
      </c>
      <c r="E54" s="19">
        <v>1660</v>
      </c>
      <c r="F54" s="19"/>
      <c r="G54" s="18" t="s">
        <v>106</v>
      </c>
      <c r="H54" s="17"/>
      <c r="I54" s="13">
        <v>543</v>
      </c>
      <c r="J54" s="19">
        <v>141</v>
      </c>
      <c r="K54" s="19">
        <v>402</v>
      </c>
    </row>
    <row r="55" spans="1:11" ht="15" customHeight="1">
      <c r="A55" s="17" t="s">
        <v>107</v>
      </c>
      <c r="B55" s="17"/>
      <c r="C55" s="13">
        <v>3576</v>
      </c>
      <c r="D55" s="19">
        <v>1809</v>
      </c>
      <c r="E55" s="19">
        <v>1767</v>
      </c>
      <c r="F55" s="19"/>
      <c r="G55" s="18" t="s">
        <v>108</v>
      </c>
      <c r="H55" s="17"/>
      <c r="I55" s="13">
        <v>464</v>
      </c>
      <c r="J55" s="19">
        <v>140</v>
      </c>
      <c r="K55" s="19">
        <v>324</v>
      </c>
    </row>
    <row r="56" spans="1:11" ht="15" customHeight="1">
      <c r="A56" s="17" t="s">
        <v>109</v>
      </c>
      <c r="B56" s="17"/>
      <c r="C56" s="13">
        <v>3836</v>
      </c>
      <c r="D56" s="19">
        <v>1969</v>
      </c>
      <c r="E56" s="19">
        <v>1867</v>
      </c>
      <c r="F56" s="19"/>
      <c r="G56" s="18" t="s">
        <v>110</v>
      </c>
      <c r="H56" s="17"/>
      <c r="I56" s="13">
        <v>411</v>
      </c>
      <c r="J56" s="19">
        <v>105</v>
      </c>
      <c r="K56" s="19">
        <v>306</v>
      </c>
    </row>
    <row r="57" spans="1:11" ht="15" customHeight="1">
      <c r="A57" s="17" t="s">
        <v>111</v>
      </c>
      <c r="B57" s="17"/>
      <c r="C57" s="13">
        <v>3568</v>
      </c>
      <c r="D57" s="19">
        <v>1779</v>
      </c>
      <c r="E57" s="19">
        <v>1789</v>
      </c>
      <c r="F57" s="19"/>
      <c r="G57" s="18" t="s">
        <v>112</v>
      </c>
      <c r="H57" s="17"/>
      <c r="I57" s="13">
        <v>329</v>
      </c>
      <c r="J57" s="19">
        <v>99</v>
      </c>
      <c r="K57" s="19">
        <v>230</v>
      </c>
    </row>
    <row r="58" spans="1:11" ht="15" customHeight="1">
      <c r="A58" s="17" t="s">
        <v>113</v>
      </c>
      <c r="B58" s="17"/>
      <c r="C58" s="13">
        <v>3820</v>
      </c>
      <c r="D58" s="19">
        <v>1912</v>
      </c>
      <c r="E58" s="19">
        <v>1908</v>
      </c>
      <c r="F58" s="19"/>
      <c r="G58" s="18" t="s">
        <v>114</v>
      </c>
      <c r="H58" s="17"/>
      <c r="I58" s="13">
        <v>237</v>
      </c>
      <c r="J58" s="19">
        <v>67</v>
      </c>
      <c r="K58" s="19">
        <v>170</v>
      </c>
    </row>
    <row r="59" spans="1:11" ht="20.100000000000001" customHeight="1">
      <c r="A59" s="17" t="s">
        <v>115</v>
      </c>
      <c r="B59" s="17"/>
      <c r="C59" s="13">
        <v>20519</v>
      </c>
      <c r="D59" s="14">
        <v>10495</v>
      </c>
      <c r="E59" s="14">
        <v>10024</v>
      </c>
      <c r="F59" s="14"/>
      <c r="G59" s="18" t="s">
        <v>116</v>
      </c>
      <c r="H59" s="17"/>
      <c r="I59" s="13">
        <v>517</v>
      </c>
      <c r="J59" s="14">
        <v>95</v>
      </c>
      <c r="K59" s="14">
        <v>422</v>
      </c>
    </row>
    <row r="60" spans="1:11" ht="15" customHeight="1">
      <c r="A60" s="17" t="s">
        <v>117</v>
      </c>
      <c r="B60" s="17"/>
      <c r="C60" s="13">
        <v>3935</v>
      </c>
      <c r="D60" s="19">
        <v>2060</v>
      </c>
      <c r="E60" s="19">
        <v>1875</v>
      </c>
      <c r="F60" s="19"/>
      <c r="G60" s="18" t="s">
        <v>118</v>
      </c>
      <c r="H60" s="17"/>
      <c r="I60" s="13">
        <v>180</v>
      </c>
      <c r="J60" s="19">
        <v>51</v>
      </c>
      <c r="K60" s="19">
        <v>129</v>
      </c>
    </row>
    <row r="61" spans="1:11" ht="15" customHeight="1">
      <c r="A61" s="17" t="s">
        <v>119</v>
      </c>
      <c r="B61" s="17"/>
      <c r="C61" s="13">
        <v>4119</v>
      </c>
      <c r="D61" s="19">
        <v>2146</v>
      </c>
      <c r="E61" s="19">
        <v>1973</v>
      </c>
      <c r="F61" s="19"/>
      <c r="G61" s="18" t="s">
        <v>120</v>
      </c>
      <c r="H61" s="17"/>
      <c r="I61" s="13">
        <v>136</v>
      </c>
      <c r="J61" s="19">
        <v>14</v>
      </c>
      <c r="K61" s="19">
        <v>122</v>
      </c>
    </row>
    <row r="62" spans="1:11" ht="15" customHeight="1">
      <c r="A62" s="17" t="s">
        <v>121</v>
      </c>
      <c r="B62" s="17"/>
      <c r="C62" s="13">
        <v>4233</v>
      </c>
      <c r="D62" s="19">
        <v>2151</v>
      </c>
      <c r="E62" s="19">
        <v>2082</v>
      </c>
      <c r="F62" s="19"/>
      <c r="G62" s="18" t="s">
        <v>122</v>
      </c>
      <c r="H62" s="17"/>
      <c r="I62" s="13">
        <v>85</v>
      </c>
      <c r="J62" s="19">
        <v>15</v>
      </c>
      <c r="K62" s="19">
        <v>70</v>
      </c>
    </row>
    <row r="63" spans="1:11" ht="15" customHeight="1">
      <c r="A63" s="17" t="s">
        <v>123</v>
      </c>
      <c r="B63" s="17"/>
      <c r="C63" s="13">
        <v>4165</v>
      </c>
      <c r="D63" s="19">
        <v>2098</v>
      </c>
      <c r="E63" s="19">
        <v>2067</v>
      </c>
      <c r="F63" s="19"/>
      <c r="G63" s="18" t="s">
        <v>124</v>
      </c>
      <c r="H63" s="17"/>
      <c r="I63" s="13">
        <v>68</v>
      </c>
      <c r="J63" s="19">
        <v>8</v>
      </c>
      <c r="K63" s="19">
        <v>60</v>
      </c>
    </row>
    <row r="64" spans="1:11" ht="15" customHeight="1">
      <c r="A64" s="17" t="s">
        <v>125</v>
      </c>
      <c r="B64" s="17"/>
      <c r="C64" s="13">
        <v>4067</v>
      </c>
      <c r="D64" s="19">
        <v>2040</v>
      </c>
      <c r="E64" s="19">
        <v>2027</v>
      </c>
      <c r="F64" s="19"/>
      <c r="G64" s="18" t="s">
        <v>126</v>
      </c>
      <c r="H64" s="17"/>
      <c r="I64" s="13">
        <v>48</v>
      </c>
      <c r="J64" s="19">
        <v>7</v>
      </c>
      <c r="K64" s="19">
        <v>4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5</v>
      </c>
      <c r="J65" s="19">
        <v>11</v>
      </c>
      <c r="K65" s="19">
        <v>6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7250</v>
      </c>
      <c r="J66" s="29">
        <v>3216</v>
      </c>
      <c r="K66" s="29">
        <v>403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21722</v>
      </c>
      <c r="D4" s="14">
        <v>112998</v>
      </c>
      <c r="E4" s="14">
        <v>10872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285</v>
      </c>
      <c r="D5" s="14">
        <v>4191</v>
      </c>
      <c r="E5" s="14">
        <v>4094</v>
      </c>
      <c r="F5" s="14"/>
      <c r="G5" s="18" t="s">
        <v>8</v>
      </c>
      <c r="H5" s="17"/>
      <c r="I5" s="13">
        <v>16155</v>
      </c>
      <c r="J5" s="14">
        <v>8538</v>
      </c>
      <c r="K5" s="14">
        <v>7617</v>
      </c>
    </row>
    <row r="6" spans="1:11" ht="15" customHeight="1">
      <c r="A6" s="17" t="s">
        <v>9</v>
      </c>
      <c r="B6" s="17"/>
      <c r="C6" s="13">
        <v>1768</v>
      </c>
      <c r="D6" s="19">
        <v>928</v>
      </c>
      <c r="E6" s="19">
        <v>840</v>
      </c>
      <c r="F6" s="19"/>
      <c r="G6" s="18" t="s">
        <v>10</v>
      </c>
      <c r="H6" s="17"/>
      <c r="I6" s="13">
        <v>3593</v>
      </c>
      <c r="J6" s="19">
        <v>1918</v>
      </c>
      <c r="K6" s="19">
        <v>1675</v>
      </c>
    </row>
    <row r="7" spans="1:11" ht="15" customHeight="1">
      <c r="A7" s="17" t="s">
        <v>11</v>
      </c>
      <c r="B7" s="17"/>
      <c r="C7" s="13">
        <v>1728</v>
      </c>
      <c r="D7" s="19">
        <v>811</v>
      </c>
      <c r="E7" s="19">
        <v>917</v>
      </c>
      <c r="F7" s="19"/>
      <c r="G7" s="18" t="s">
        <v>12</v>
      </c>
      <c r="H7" s="17"/>
      <c r="I7" s="13">
        <v>3387</v>
      </c>
      <c r="J7" s="19">
        <v>1766</v>
      </c>
      <c r="K7" s="19">
        <v>1621</v>
      </c>
    </row>
    <row r="8" spans="1:11" ht="15" customHeight="1">
      <c r="A8" s="17" t="s">
        <v>13</v>
      </c>
      <c r="B8" s="17"/>
      <c r="C8" s="13">
        <v>1647</v>
      </c>
      <c r="D8" s="19">
        <v>851</v>
      </c>
      <c r="E8" s="19">
        <v>796</v>
      </c>
      <c r="F8" s="19"/>
      <c r="G8" s="18" t="s">
        <v>14</v>
      </c>
      <c r="H8" s="17"/>
      <c r="I8" s="13">
        <v>3339</v>
      </c>
      <c r="J8" s="19">
        <v>1803</v>
      </c>
      <c r="K8" s="19">
        <v>1536</v>
      </c>
    </row>
    <row r="9" spans="1:11" ht="15" customHeight="1">
      <c r="A9" s="17" t="s">
        <v>15</v>
      </c>
      <c r="B9" s="17"/>
      <c r="C9" s="13">
        <v>1552</v>
      </c>
      <c r="D9" s="19">
        <v>804</v>
      </c>
      <c r="E9" s="19">
        <v>748</v>
      </c>
      <c r="F9" s="19"/>
      <c r="G9" s="18" t="s">
        <v>16</v>
      </c>
      <c r="H9" s="17"/>
      <c r="I9" s="13">
        <v>3394</v>
      </c>
      <c r="J9" s="19">
        <v>1743</v>
      </c>
      <c r="K9" s="19">
        <v>1651</v>
      </c>
    </row>
    <row r="10" spans="1:11" ht="15" customHeight="1">
      <c r="A10" s="17" t="s">
        <v>17</v>
      </c>
      <c r="B10" s="17"/>
      <c r="C10" s="13">
        <v>1590</v>
      </c>
      <c r="D10" s="19">
        <v>797</v>
      </c>
      <c r="E10" s="19">
        <v>793</v>
      </c>
      <c r="F10" s="19"/>
      <c r="G10" s="18" t="s">
        <v>18</v>
      </c>
      <c r="H10" s="17"/>
      <c r="I10" s="13">
        <v>2442</v>
      </c>
      <c r="J10" s="19">
        <v>1308</v>
      </c>
      <c r="K10" s="19">
        <v>1134</v>
      </c>
    </row>
    <row r="11" spans="1:11" ht="20.100000000000001" customHeight="1">
      <c r="A11" s="17" t="s">
        <v>19</v>
      </c>
      <c r="B11" s="17"/>
      <c r="C11" s="13">
        <v>7579</v>
      </c>
      <c r="D11" s="14">
        <v>3903</v>
      </c>
      <c r="E11" s="14">
        <v>3676</v>
      </c>
      <c r="F11" s="14"/>
      <c r="G11" s="18" t="s">
        <v>20</v>
      </c>
      <c r="H11" s="17"/>
      <c r="I11" s="13">
        <v>13881</v>
      </c>
      <c r="J11" s="14">
        <v>7379</v>
      </c>
      <c r="K11" s="14">
        <v>6502</v>
      </c>
    </row>
    <row r="12" spans="1:11" ht="15" customHeight="1">
      <c r="A12" s="17" t="s">
        <v>21</v>
      </c>
      <c r="B12" s="17"/>
      <c r="C12" s="13">
        <v>1612</v>
      </c>
      <c r="D12" s="19">
        <v>833</v>
      </c>
      <c r="E12" s="19">
        <v>779</v>
      </c>
      <c r="F12" s="19"/>
      <c r="G12" s="18" t="s">
        <v>22</v>
      </c>
      <c r="H12" s="17"/>
      <c r="I12" s="13">
        <v>3178</v>
      </c>
      <c r="J12" s="19">
        <v>1665</v>
      </c>
      <c r="K12" s="19">
        <v>1513</v>
      </c>
    </row>
    <row r="13" spans="1:11" ht="15" customHeight="1">
      <c r="A13" s="17" t="s">
        <v>23</v>
      </c>
      <c r="B13" s="17"/>
      <c r="C13" s="13">
        <v>1476</v>
      </c>
      <c r="D13" s="19">
        <v>784</v>
      </c>
      <c r="E13" s="19">
        <v>692</v>
      </c>
      <c r="F13" s="19"/>
      <c r="G13" s="18" t="s">
        <v>24</v>
      </c>
      <c r="H13" s="17"/>
      <c r="I13" s="13">
        <v>2989</v>
      </c>
      <c r="J13" s="19">
        <v>1615</v>
      </c>
      <c r="K13" s="19">
        <v>1374</v>
      </c>
    </row>
    <row r="14" spans="1:11" ht="15" customHeight="1">
      <c r="A14" s="17" t="s">
        <v>25</v>
      </c>
      <c r="B14" s="17"/>
      <c r="C14" s="13">
        <v>1472</v>
      </c>
      <c r="D14" s="19">
        <v>744</v>
      </c>
      <c r="E14" s="19">
        <v>728</v>
      </c>
      <c r="F14" s="19"/>
      <c r="G14" s="18" t="s">
        <v>26</v>
      </c>
      <c r="H14" s="17"/>
      <c r="I14" s="13">
        <v>2744</v>
      </c>
      <c r="J14" s="19">
        <v>1459</v>
      </c>
      <c r="K14" s="19">
        <v>1285</v>
      </c>
    </row>
    <row r="15" spans="1:11" ht="15" customHeight="1">
      <c r="A15" s="17" t="s">
        <v>27</v>
      </c>
      <c r="B15" s="17"/>
      <c r="C15" s="13">
        <v>1507</v>
      </c>
      <c r="D15" s="19">
        <v>773</v>
      </c>
      <c r="E15" s="19">
        <v>734</v>
      </c>
      <c r="F15" s="19"/>
      <c r="G15" s="18" t="s">
        <v>28</v>
      </c>
      <c r="H15" s="17"/>
      <c r="I15" s="13">
        <v>2548</v>
      </c>
      <c r="J15" s="19">
        <v>1358</v>
      </c>
      <c r="K15" s="19">
        <v>1190</v>
      </c>
    </row>
    <row r="16" spans="1:11" ht="15" customHeight="1">
      <c r="A16" s="17" t="s">
        <v>29</v>
      </c>
      <c r="B16" s="17"/>
      <c r="C16" s="13">
        <v>1512</v>
      </c>
      <c r="D16" s="19">
        <v>769</v>
      </c>
      <c r="E16" s="19">
        <v>743</v>
      </c>
      <c r="F16" s="19"/>
      <c r="G16" s="18" t="s">
        <v>30</v>
      </c>
      <c r="H16" s="17"/>
      <c r="I16" s="13">
        <v>2422</v>
      </c>
      <c r="J16" s="19">
        <v>1282</v>
      </c>
      <c r="K16" s="19">
        <v>1140</v>
      </c>
    </row>
    <row r="17" spans="1:11" ht="20.100000000000001" customHeight="1">
      <c r="A17" s="20" t="s">
        <v>31</v>
      </c>
      <c r="B17" s="20"/>
      <c r="C17" s="13">
        <v>7572</v>
      </c>
      <c r="D17" s="14">
        <v>3918</v>
      </c>
      <c r="E17" s="14">
        <v>3654</v>
      </c>
      <c r="F17" s="14"/>
      <c r="G17" s="18" t="s">
        <v>32</v>
      </c>
      <c r="H17" s="17"/>
      <c r="I17" s="13">
        <v>10450</v>
      </c>
      <c r="J17" s="14">
        <v>5449</v>
      </c>
      <c r="K17" s="14">
        <v>5001</v>
      </c>
    </row>
    <row r="18" spans="1:11" ht="15" customHeight="1">
      <c r="A18" s="17" t="s">
        <v>33</v>
      </c>
      <c r="B18" s="17"/>
      <c r="C18" s="13">
        <v>1493</v>
      </c>
      <c r="D18" s="19">
        <v>783</v>
      </c>
      <c r="E18" s="19">
        <v>710</v>
      </c>
      <c r="F18" s="19"/>
      <c r="G18" s="18" t="s">
        <v>34</v>
      </c>
      <c r="H18" s="17"/>
      <c r="I18" s="13">
        <v>2335</v>
      </c>
      <c r="J18" s="19">
        <v>1244</v>
      </c>
      <c r="K18" s="19">
        <v>1091</v>
      </c>
    </row>
    <row r="19" spans="1:11" ht="15" customHeight="1">
      <c r="A19" s="17" t="s">
        <v>35</v>
      </c>
      <c r="B19" s="17"/>
      <c r="C19" s="13">
        <v>1477</v>
      </c>
      <c r="D19" s="19">
        <v>752</v>
      </c>
      <c r="E19" s="19">
        <v>725</v>
      </c>
      <c r="F19" s="19"/>
      <c r="G19" s="18" t="s">
        <v>36</v>
      </c>
      <c r="H19" s="17"/>
      <c r="I19" s="13">
        <v>2259</v>
      </c>
      <c r="J19" s="19">
        <v>1207</v>
      </c>
      <c r="K19" s="19">
        <v>1052</v>
      </c>
    </row>
    <row r="20" spans="1:11" ht="15" customHeight="1">
      <c r="A20" s="17" t="s">
        <v>37</v>
      </c>
      <c r="B20" s="17"/>
      <c r="C20" s="13">
        <v>1516</v>
      </c>
      <c r="D20" s="19">
        <v>771</v>
      </c>
      <c r="E20" s="19">
        <v>745</v>
      </c>
      <c r="F20" s="19"/>
      <c r="G20" s="18" t="s">
        <v>38</v>
      </c>
      <c r="H20" s="17"/>
      <c r="I20" s="13">
        <v>2145</v>
      </c>
      <c r="J20" s="19">
        <v>1117</v>
      </c>
      <c r="K20" s="19">
        <v>1028</v>
      </c>
    </row>
    <row r="21" spans="1:11" ht="15" customHeight="1">
      <c r="A21" s="17" t="s">
        <v>39</v>
      </c>
      <c r="B21" s="17"/>
      <c r="C21" s="13">
        <v>1545</v>
      </c>
      <c r="D21" s="19">
        <v>812</v>
      </c>
      <c r="E21" s="19">
        <v>733</v>
      </c>
      <c r="F21" s="19"/>
      <c r="G21" s="18" t="s">
        <v>40</v>
      </c>
      <c r="H21" s="17"/>
      <c r="I21" s="13">
        <v>1879</v>
      </c>
      <c r="J21" s="19">
        <v>941</v>
      </c>
      <c r="K21" s="19">
        <v>938</v>
      </c>
    </row>
    <row r="22" spans="1:11" ht="15" customHeight="1">
      <c r="A22" s="17" t="s">
        <v>41</v>
      </c>
      <c r="B22" s="17"/>
      <c r="C22" s="13">
        <v>1541</v>
      </c>
      <c r="D22" s="19">
        <v>800</v>
      </c>
      <c r="E22" s="19">
        <v>741</v>
      </c>
      <c r="F22" s="19"/>
      <c r="G22" s="18" t="s">
        <v>42</v>
      </c>
      <c r="H22" s="17"/>
      <c r="I22" s="13">
        <v>1832</v>
      </c>
      <c r="J22" s="19">
        <v>940</v>
      </c>
      <c r="K22" s="19">
        <v>892</v>
      </c>
    </row>
    <row r="23" spans="1:11" ht="20.100000000000001" customHeight="1">
      <c r="A23" s="17" t="s">
        <v>43</v>
      </c>
      <c r="B23" s="17"/>
      <c r="C23" s="13">
        <v>8936</v>
      </c>
      <c r="D23" s="14">
        <v>4590</v>
      </c>
      <c r="E23" s="14">
        <v>4346</v>
      </c>
      <c r="F23" s="14"/>
      <c r="G23" s="18" t="s">
        <v>44</v>
      </c>
      <c r="H23" s="17"/>
      <c r="I23" s="13">
        <v>9727</v>
      </c>
      <c r="J23" s="14">
        <v>4885</v>
      </c>
      <c r="K23" s="14">
        <v>4842</v>
      </c>
    </row>
    <row r="24" spans="1:11" ht="15" customHeight="1">
      <c r="A24" s="17" t="s">
        <v>45</v>
      </c>
      <c r="B24" s="17"/>
      <c r="C24" s="13">
        <v>1497</v>
      </c>
      <c r="D24" s="19">
        <v>781</v>
      </c>
      <c r="E24" s="19">
        <v>716</v>
      </c>
      <c r="F24" s="19"/>
      <c r="G24" s="18" t="s">
        <v>46</v>
      </c>
      <c r="H24" s="17"/>
      <c r="I24" s="13">
        <v>1976</v>
      </c>
      <c r="J24" s="19">
        <v>987</v>
      </c>
      <c r="K24" s="19">
        <v>989</v>
      </c>
    </row>
    <row r="25" spans="1:11" ht="15" customHeight="1">
      <c r="A25" s="17" t="s">
        <v>47</v>
      </c>
      <c r="B25" s="17"/>
      <c r="C25" s="13">
        <v>1534</v>
      </c>
      <c r="D25" s="19">
        <v>798</v>
      </c>
      <c r="E25" s="19">
        <v>736</v>
      </c>
      <c r="F25" s="19"/>
      <c r="G25" s="18" t="s">
        <v>48</v>
      </c>
      <c r="H25" s="17"/>
      <c r="I25" s="13">
        <v>1812</v>
      </c>
      <c r="J25" s="19">
        <v>916</v>
      </c>
      <c r="K25" s="19">
        <v>896</v>
      </c>
    </row>
    <row r="26" spans="1:11" ht="15" customHeight="1">
      <c r="A26" s="17" t="s">
        <v>49</v>
      </c>
      <c r="B26" s="17"/>
      <c r="C26" s="13">
        <v>1468</v>
      </c>
      <c r="D26" s="19">
        <v>755</v>
      </c>
      <c r="E26" s="19">
        <v>713</v>
      </c>
      <c r="F26" s="19"/>
      <c r="G26" s="18" t="s">
        <v>50</v>
      </c>
      <c r="H26" s="17"/>
      <c r="I26" s="13">
        <v>1960</v>
      </c>
      <c r="J26" s="19">
        <v>991</v>
      </c>
      <c r="K26" s="19">
        <v>969</v>
      </c>
    </row>
    <row r="27" spans="1:11" ht="15" customHeight="1">
      <c r="A27" s="17" t="s">
        <v>51</v>
      </c>
      <c r="B27" s="17"/>
      <c r="C27" s="13">
        <v>1831</v>
      </c>
      <c r="D27" s="19">
        <v>933</v>
      </c>
      <c r="E27" s="19">
        <v>898</v>
      </c>
      <c r="F27" s="19"/>
      <c r="G27" s="18" t="s">
        <v>52</v>
      </c>
      <c r="H27" s="17"/>
      <c r="I27" s="13">
        <v>1989</v>
      </c>
      <c r="J27" s="19">
        <v>987</v>
      </c>
      <c r="K27" s="19">
        <v>1002</v>
      </c>
    </row>
    <row r="28" spans="1:11" ht="15" customHeight="1">
      <c r="A28" s="17" t="s">
        <v>53</v>
      </c>
      <c r="B28" s="17"/>
      <c r="C28" s="13">
        <v>2606</v>
      </c>
      <c r="D28" s="19">
        <v>1323</v>
      </c>
      <c r="E28" s="19">
        <v>1283</v>
      </c>
      <c r="F28" s="19"/>
      <c r="G28" s="18" t="s">
        <v>54</v>
      </c>
      <c r="H28" s="17"/>
      <c r="I28" s="13">
        <v>1990</v>
      </c>
      <c r="J28" s="19">
        <v>1004</v>
      </c>
      <c r="K28" s="19">
        <v>986</v>
      </c>
    </row>
    <row r="29" spans="1:11" ht="20.100000000000001" customHeight="1">
      <c r="A29" s="17" t="s">
        <v>55</v>
      </c>
      <c r="B29" s="17"/>
      <c r="C29" s="13">
        <v>16814</v>
      </c>
      <c r="D29" s="14">
        <v>8772</v>
      </c>
      <c r="E29" s="14">
        <v>8042</v>
      </c>
      <c r="F29" s="14"/>
      <c r="G29" s="18" t="s">
        <v>56</v>
      </c>
      <c r="H29" s="17"/>
      <c r="I29" s="13">
        <v>10848</v>
      </c>
      <c r="J29" s="14">
        <v>5220</v>
      </c>
      <c r="K29" s="14">
        <v>5628</v>
      </c>
    </row>
    <row r="30" spans="1:11" ht="15" customHeight="1">
      <c r="A30" s="17" t="s">
        <v>57</v>
      </c>
      <c r="B30" s="17"/>
      <c r="C30" s="13">
        <v>2909</v>
      </c>
      <c r="D30" s="19">
        <v>1569</v>
      </c>
      <c r="E30" s="19">
        <v>1340</v>
      </c>
      <c r="F30" s="19"/>
      <c r="G30" s="18" t="s">
        <v>58</v>
      </c>
      <c r="H30" s="17"/>
      <c r="I30" s="13">
        <v>2223</v>
      </c>
      <c r="J30" s="19">
        <v>1067</v>
      </c>
      <c r="K30" s="19">
        <v>1156</v>
      </c>
    </row>
    <row r="31" spans="1:11" ht="15" customHeight="1">
      <c r="A31" s="17" t="s">
        <v>59</v>
      </c>
      <c r="B31" s="17"/>
      <c r="C31" s="13">
        <v>3262</v>
      </c>
      <c r="D31" s="19">
        <v>1703</v>
      </c>
      <c r="E31" s="19">
        <v>1559</v>
      </c>
      <c r="F31" s="19"/>
      <c r="G31" s="18" t="s">
        <v>60</v>
      </c>
      <c r="H31" s="17"/>
      <c r="I31" s="13">
        <v>2400</v>
      </c>
      <c r="J31" s="19">
        <v>1199</v>
      </c>
      <c r="K31" s="19">
        <v>1201</v>
      </c>
    </row>
    <row r="32" spans="1:11" ht="15" customHeight="1">
      <c r="A32" s="17" t="s">
        <v>61</v>
      </c>
      <c r="B32" s="17"/>
      <c r="C32" s="13">
        <v>3474</v>
      </c>
      <c r="D32" s="19">
        <v>1810</v>
      </c>
      <c r="E32" s="19">
        <v>1664</v>
      </c>
      <c r="F32" s="19"/>
      <c r="G32" s="18" t="s">
        <v>62</v>
      </c>
      <c r="H32" s="17"/>
      <c r="I32" s="13">
        <v>2345</v>
      </c>
      <c r="J32" s="19">
        <v>1103</v>
      </c>
      <c r="K32" s="19">
        <v>1242</v>
      </c>
    </row>
    <row r="33" spans="1:11" ht="15" customHeight="1">
      <c r="A33" s="17" t="s">
        <v>63</v>
      </c>
      <c r="B33" s="17"/>
      <c r="C33" s="13">
        <v>3533</v>
      </c>
      <c r="D33" s="19">
        <v>1790</v>
      </c>
      <c r="E33" s="19">
        <v>1743</v>
      </c>
      <c r="F33" s="19"/>
      <c r="G33" s="18" t="s">
        <v>64</v>
      </c>
      <c r="H33" s="17"/>
      <c r="I33" s="13">
        <v>2296</v>
      </c>
      <c r="J33" s="19">
        <v>1087</v>
      </c>
      <c r="K33" s="19">
        <v>1209</v>
      </c>
    </row>
    <row r="34" spans="1:11" ht="15" customHeight="1">
      <c r="A34" s="17" t="s">
        <v>65</v>
      </c>
      <c r="B34" s="17"/>
      <c r="C34" s="13">
        <v>3636</v>
      </c>
      <c r="D34" s="19">
        <v>1900</v>
      </c>
      <c r="E34" s="19">
        <v>1736</v>
      </c>
      <c r="F34" s="19"/>
      <c r="G34" s="18" t="s">
        <v>66</v>
      </c>
      <c r="H34" s="17"/>
      <c r="I34" s="13">
        <v>1584</v>
      </c>
      <c r="J34" s="19">
        <v>764</v>
      </c>
      <c r="K34" s="19">
        <v>820</v>
      </c>
    </row>
    <row r="35" spans="1:11" ht="20.100000000000001" customHeight="1">
      <c r="A35" s="17" t="s">
        <v>67</v>
      </c>
      <c r="B35" s="17"/>
      <c r="C35" s="13">
        <v>17819</v>
      </c>
      <c r="D35" s="14">
        <v>9192</v>
      </c>
      <c r="E35" s="14">
        <v>8627</v>
      </c>
      <c r="F35" s="14"/>
      <c r="G35" s="18" t="s">
        <v>68</v>
      </c>
      <c r="H35" s="17"/>
      <c r="I35" s="13">
        <v>8347</v>
      </c>
      <c r="J35" s="14">
        <v>3679</v>
      </c>
      <c r="K35" s="14">
        <v>4668</v>
      </c>
    </row>
    <row r="36" spans="1:11" ht="15" customHeight="1">
      <c r="A36" s="17" t="s">
        <v>69</v>
      </c>
      <c r="B36" s="17"/>
      <c r="C36" s="13">
        <v>3698</v>
      </c>
      <c r="D36" s="19">
        <v>1938</v>
      </c>
      <c r="E36" s="19">
        <v>1760</v>
      </c>
      <c r="F36" s="19"/>
      <c r="G36" s="18" t="s">
        <v>70</v>
      </c>
      <c r="H36" s="17"/>
      <c r="I36" s="13">
        <v>1431</v>
      </c>
      <c r="J36" s="19">
        <v>655</v>
      </c>
      <c r="K36" s="19">
        <v>776</v>
      </c>
    </row>
    <row r="37" spans="1:11" ht="15" customHeight="1">
      <c r="A37" s="17" t="s">
        <v>71</v>
      </c>
      <c r="B37" s="17"/>
      <c r="C37" s="13">
        <v>3690</v>
      </c>
      <c r="D37" s="19">
        <v>1894</v>
      </c>
      <c r="E37" s="19">
        <v>1796</v>
      </c>
      <c r="F37" s="19"/>
      <c r="G37" s="18" t="s">
        <v>72</v>
      </c>
      <c r="H37" s="17"/>
      <c r="I37" s="13">
        <v>1758</v>
      </c>
      <c r="J37" s="19">
        <v>761</v>
      </c>
      <c r="K37" s="19">
        <v>997</v>
      </c>
    </row>
    <row r="38" spans="1:11" ht="15" customHeight="1">
      <c r="A38" s="17" t="s">
        <v>73</v>
      </c>
      <c r="B38" s="17"/>
      <c r="C38" s="13">
        <v>3473</v>
      </c>
      <c r="D38" s="19">
        <v>1756</v>
      </c>
      <c r="E38" s="19">
        <v>1717</v>
      </c>
      <c r="F38" s="19"/>
      <c r="G38" s="18" t="s">
        <v>74</v>
      </c>
      <c r="H38" s="17"/>
      <c r="I38" s="13">
        <v>1759</v>
      </c>
      <c r="J38" s="19">
        <v>803</v>
      </c>
      <c r="K38" s="19">
        <v>956</v>
      </c>
    </row>
    <row r="39" spans="1:11" ht="15" customHeight="1">
      <c r="A39" s="17" t="s">
        <v>75</v>
      </c>
      <c r="B39" s="17"/>
      <c r="C39" s="13">
        <v>3532</v>
      </c>
      <c r="D39" s="19">
        <v>1822</v>
      </c>
      <c r="E39" s="19">
        <v>1710</v>
      </c>
      <c r="F39" s="19"/>
      <c r="G39" s="18" t="s">
        <v>76</v>
      </c>
      <c r="H39" s="17"/>
      <c r="I39" s="13">
        <v>1708</v>
      </c>
      <c r="J39" s="19">
        <v>758</v>
      </c>
      <c r="K39" s="19">
        <v>950</v>
      </c>
    </row>
    <row r="40" spans="1:11" ht="15" customHeight="1">
      <c r="A40" s="17" t="s">
        <v>77</v>
      </c>
      <c r="B40" s="17"/>
      <c r="C40" s="13">
        <v>3426</v>
      </c>
      <c r="D40" s="19">
        <v>1782</v>
      </c>
      <c r="E40" s="19">
        <v>1644</v>
      </c>
      <c r="F40" s="19"/>
      <c r="G40" s="18" t="s">
        <v>78</v>
      </c>
      <c r="H40" s="17"/>
      <c r="I40" s="13">
        <v>1691</v>
      </c>
      <c r="J40" s="19">
        <v>702</v>
      </c>
      <c r="K40" s="19">
        <v>989</v>
      </c>
    </row>
    <row r="41" spans="1:11" ht="20.100000000000001" customHeight="1">
      <c r="A41" s="17" t="s">
        <v>79</v>
      </c>
      <c r="B41" s="17"/>
      <c r="C41" s="13">
        <v>16010</v>
      </c>
      <c r="D41" s="14">
        <v>8341</v>
      </c>
      <c r="E41" s="14">
        <v>7669</v>
      </c>
      <c r="F41" s="14"/>
      <c r="G41" s="18" t="s">
        <v>80</v>
      </c>
      <c r="H41" s="17"/>
      <c r="I41" s="13">
        <v>6515</v>
      </c>
      <c r="J41" s="14">
        <v>2645</v>
      </c>
      <c r="K41" s="14">
        <v>3870</v>
      </c>
    </row>
    <row r="42" spans="1:11" ht="15" customHeight="1">
      <c r="A42" s="17" t="s">
        <v>81</v>
      </c>
      <c r="B42" s="17"/>
      <c r="C42" s="13">
        <v>3281</v>
      </c>
      <c r="D42" s="19">
        <v>1689</v>
      </c>
      <c r="E42" s="19">
        <v>1592</v>
      </c>
      <c r="F42" s="19"/>
      <c r="G42" s="18" t="s">
        <v>82</v>
      </c>
      <c r="H42" s="17"/>
      <c r="I42" s="13">
        <v>1429</v>
      </c>
      <c r="J42" s="19">
        <v>614</v>
      </c>
      <c r="K42" s="19">
        <v>815</v>
      </c>
    </row>
    <row r="43" spans="1:11" ht="15" customHeight="1">
      <c r="A43" s="17" t="s">
        <v>83</v>
      </c>
      <c r="B43" s="17"/>
      <c r="C43" s="13">
        <v>3234</v>
      </c>
      <c r="D43" s="19">
        <v>1670</v>
      </c>
      <c r="E43" s="19">
        <v>1564</v>
      </c>
      <c r="F43" s="19"/>
      <c r="G43" s="18" t="s">
        <v>84</v>
      </c>
      <c r="H43" s="17"/>
      <c r="I43" s="13">
        <v>1318</v>
      </c>
      <c r="J43" s="19">
        <v>539</v>
      </c>
      <c r="K43" s="19">
        <v>779</v>
      </c>
    </row>
    <row r="44" spans="1:11" ht="15" customHeight="1">
      <c r="A44" s="17" t="s">
        <v>85</v>
      </c>
      <c r="B44" s="17"/>
      <c r="C44" s="13">
        <v>3274</v>
      </c>
      <c r="D44" s="19">
        <v>1724</v>
      </c>
      <c r="E44" s="19">
        <v>1550</v>
      </c>
      <c r="F44" s="19"/>
      <c r="G44" s="18" t="s">
        <v>86</v>
      </c>
      <c r="H44" s="17"/>
      <c r="I44" s="13">
        <v>1265</v>
      </c>
      <c r="J44" s="19">
        <v>531</v>
      </c>
      <c r="K44" s="19">
        <v>734</v>
      </c>
    </row>
    <row r="45" spans="1:11" ht="15" customHeight="1">
      <c r="A45" s="17" t="s">
        <v>87</v>
      </c>
      <c r="B45" s="17"/>
      <c r="C45" s="13">
        <v>3173</v>
      </c>
      <c r="D45" s="19">
        <v>1630</v>
      </c>
      <c r="E45" s="19">
        <v>1543</v>
      </c>
      <c r="F45" s="19"/>
      <c r="G45" s="18" t="s">
        <v>88</v>
      </c>
      <c r="H45" s="17"/>
      <c r="I45" s="13">
        <v>1267</v>
      </c>
      <c r="J45" s="19">
        <v>476</v>
      </c>
      <c r="K45" s="19">
        <v>791</v>
      </c>
    </row>
    <row r="46" spans="1:11" ht="15" customHeight="1">
      <c r="A46" s="17" t="s">
        <v>89</v>
      </c>
      <c r="B46" s="17"/>
      <c r="C46" s="13">
        <v>3048</v>
      </c>
      <c r="D46" s="19">
        <v>1628</v>
      </c>
      <c r="E46" s="19">
        <v>1420</v>
      </c>
      <c r="F46" s="19"/>
      <c r="G46" s="18" t="s">
        <v>90</v>
      </c>
      <c r="H46" s="17"/>
      <c r="I46" s="13">
        <v>1236</v>
      </c>
      <c r="J46" s="19">
        <v>485</v>
      </c>
      <c r="K46" s="19">
        <v>751</v>
      </c>
    </row>
    <row r="47" spans="1:11" ht="20.100000000000001" customHeight="1">
      <c r="A47" s="17" t="s">
        <v>91</v>
      </c>
      <c r="B47" s="17"/>
      <c r="C47" s="13">
        <v>15077</v>
      </c>
      <c r="D47" s="14">
        <v>8074</v>
      </c>
      <c r="E47" s="14">
        <v>7003</v>
      </c>
      <c r="F47" s="14"/>
      <c r="G47" s="18" t="s">
        <v>92</v>
      </c>
      <c r="H47" s="17"/>
      <c r="I47" s="13">
        <v>4515</v>
      </c>
      <c r="J47" s="14">
        <v>1677</v>
      </c>
      <c r="K47" s="14">
        <v>2838</v>
      </c>
    </row>
    <row r="48" spans="1:11" ht="15" customHeight="1">
      <c r="A48" s="17" t="s">
        <v>93</v>
      </c>
      <c r="B48" s="17"/>
      <c r="C48" s="13">
        <v>2989</v>
      </c>
      <c r="D48" s="19">
        <v>1607</v>
      </c>
      <c r="E48" s="19">
        <v>1382</v>
      </c>
      <c r="F48" s="19"/>
      <c r="G48" s="18" t="s">
        <v>94</v>
      </c>
      <c r="H48" s="17"/>
      <c r="I48" s="13">
        <v>1153</v>
      </c>
      <c r="J48" s="19">
        <v>447</v>
      </c>
      <c r="K48" s="19">
        <v>706</v>
      </c>
    </row>
    <row r="49" spans="1:11" ht="15" customHeight="1">
      <c r="A49" s="17" t="s">
        <v>95</v>
      </c>
      <c r="B49" s="17"/>
      <c r="C49" s="13">
        <v>3148</v>
      </c>
      <c r="D49" s="19">
        <v>1662</v>
      </c>
      <c r="E49" s="19">
        <v>1486</v>
      </c>
      <c r="F49" s="19"/>
      <c r="G49" s="18" t="s">
        <v>96</v>
      </c>
      <c r="H49" s="17"/>
      <c r="I49" s="13">
        <v>910</v>
      </c>
      <c r="J49" s="19">
        <v>331</v>
      </c>
      <c r="K49" s="19">
        <v>579</v>
      </c>
    </row>
    <row r="50" spans="1:11" ht="15" customHeight="1">
      <c r="A50" s="17" t="s">
        <v>97</v>
      </c>
      <c r="B50" s="17"/>
      <c r="C50" s="13">
        <v>3076</v>
      </c>
      <c r="D50" s="19">
        <v>1640</v>
      </c>
      <c r="E50" s="19">
        <v>1436</v>
      </c>
      <c r="F50" s="19"/>
      <c r="G50" s="18" t="s">
        <v>98</v>
      </c>
      <c r="H50" s="17"/>
      <c r="I50" s="13">
        <v>883</v>
      </c>
      <c r="J50" s="19">
        <v>345</v>
      </c>
      <c r="K50" s="19">
        <v>538</v>
      </c>
    </row>
    <row r="51" spans="1:11" ht="15" customHeight="1">
      <c r="A51" s="17" t="s">
        <v>99</v>
      </c>
      <c r="B51" s="17"/>
      <c r="C51" s="13">
        <v>2962</v>
      </c>
      <c r="D51" s="19">
        <v>1622</v>
      </c>
      <c r="E51" s="19">
        <v>1340</v>
      </c>
      <c r="F51" s="19"/>
      <c r="G51" s="18" t="s">
        <v>100</v>
      </c>
      <c r="H51" s="17"/>
      <c r="I51" s="13">
        <v>839</v>
      </c>
      <c r="J51" s="19">
        <v>308</v>
      </c>
      <c r="K51" s="19">
        <v>531</v>
      </c>
    </row>
    <row r="52" spans="1:11" ht="15" customHeight="1">
      <c r="A52" s="17" t="s">
        <v>101</v>
      </c>
      <c r="B52" s="17"/>
      <c r="C52" s="13">
        <v>2902</v>
      </c>
      <c r="D52" s="19">
        <v>1543</v>
      </c>
      <c r="E52" s="19">
        <v>1359</v>
      </c>
      <c r="F52" s="19"/>
      <c r="G52" s="18" t="s">
        <v>102</v>
      </c>
      <c r="H52" s="17"/>
      <c r="I52" s="13">
        <v>730</v>
      </c>
      <c r="J52" s="19">
        <v>246</v>
      </c>
      <c r="K52" s="19">
        <v>484</v>
      </c>
    </row>
    <row r="53" spans="1:11" ht="20.100000000000001" customHeight="1">
      <c r="A53" s="17" t="s">
        <v>103</v>
      </c>
      <c r="B53" s="17"/>
      <c r="C53" s="13">
        <v>15035</v>
      </c>
      <c r="D53" s="14">
        <v>8054</v>
      </c>
      <c r="E53" s="14">
        <v>6981</v>
      </c>
      <c r="F53" s="14"/>
      <c r="G53" s="18" t="s">
        <v>104</v>
      </c>
      <c r="H53" s="17"/>
      <c r="I53" s="13">
        <v>2126</v>
      </c>
      <c r="J53" s="14">
        <v>611</v>
      </c>
      <c r="K53" s="14">
        <v>1515</v>
      </c>
    </row>
    <row r="54" spans="1:11" ht="15" customHeight="1">
      <c r="A54" s="17" t="s">
        <v>105</v>
      </c>
      <c r="B54" s="17"/>
      <c r="C54" s="13">
        <v>2864</v>
      </c>
      <c r="D54" s="19">
        <v>1539</v>
      </c>
      <c r="E54" s="19">
        <v>1325</v>
      </c>
      <c r="F54" s="19"/>
      <c r="G54" s="18" t="s">
        <v>106</v>
      </c>
      <c r="H54" s="17"/>
      <c r="I54" s="13">
        <v>610</v>
      </c>
      <c r="J54" s="19">
        <v>202</v>
      </c>
      <c r="K54" s="19">
        <v>408</v>
      </c>
    </row>
    <row r="55" spans="1:11" ht="15" customHeight="1">
      <c r="A55" s="17" t="s">
        <v>107</v>
      </c>
      <c r="B55" s="17"/>
      <c r="C55" s="13">
        <v>2965</v>
      </c>
      <c r="D55" s="19">
        <v>1602</v>
      </c>
      <c r="E55" s="19">
        <v>1363</v>
      </c>
      <c r="F55" s="19"/>
      <c r="G55" s="18" t="s">
        <v>108</v>
      </c>
      <c r="H55" s="17"/>
      <c r="I55" s="13">
        <v>520</v>
      </c>
      <c r="J55" s="19">
        <v>154</v>
      </c>
      <c r="K55" s="19">
        <v>366</v>
      </c>
    </row>
    <row r="56" spans="1:11" ht="15" customHeight="1">
      <c r="A56" s="17" t="s">
        <v>109</v>
      </c>
      <c r="B56" s="17"/>
      <c r="C56" s="13">
        <v>3013</v>
      </c>
      <c r="D56" s="19">
        <v>1621</v>
      </c>
      <c r="E56" s="19">
        <v>1392</v>
      </c>
      <c r="F56" s="19"/>
      <c r="G56" s="18" t="s">
        <v>110</v>
      </c>
      <c r="H56" s="17"/>
      <c r="I56" s="13">
        <v>416</v>
      </c>
      <c r="J56" s="19">
        <v>110</v>
      </c>
      <c r="K56" s="19">
        <v>306</v>
      </c>
    </row>
    <row r="57" spans="1:11" ht="15" customHeight="1">
      <c r="A57" s="17" t="s">
        <v>111</v>
      </c>
      <c r="B57" s="17"/>
      <c r="C57" s="13">
        <v>3067</v>
      </c>
      <c r="D57" s="19">
        <v>1642</v>
      </c>
      <c r="E57" s="19">
        <v>1425</v>
      </c>
      <c r="F57" s="19"/>
      <c r="G57" s="18" t="s">
        <v>112</v>
      </c>
      <c r="H57" s="17"/>
      <c r="I57" s="13">
        <v>345</v>
      </c>
      <c r="J57" s="19">
        <v>84</v>
      </c>
      <c r="K57" s="19">
        <v>261</v>
      </c>
    </row>
    <row r="58" spans="1:11" ht="15" customHeight="1">
      <c r="A58" s="17" t="s">
        <v>113</v>
      </c>
      <c r="B58" s="17"/>
      <c r="C58" s="13">
        <v>3126</v>
      </c>
      <c r="D58" s="19">
        <v>1650</v>
      </c>
      <c r="E58" s="19">
        <v>1476</v>
      </c>
      <c r="F58" s="19"/>
      <c r="G58" s="18" t="s">
        <v>114</v>
      </c>
      <c r="H58" s="17"/>
      <c r="I58" s="13">
        <v>235</v>
      </c>
      <c r="J58" s="19">
        <v>61</v>
      </c>
      <c r="K58" s="19">
        <v>174</v>
      </c>
    </row>
    <row r="59" spans="1:11" ht="20.100000000000001" customHeight="1">
      <c r="A59" s="17" t="s">
        <v>115</v>
      </c>
      <c r="B59" s="17"/>
      <c r="C59" s="13">
        <v>16751</v>
      </c>
      <c r="D59" s="14">
        <v>8791</v>
      </c>
      <c r="E59" s="14">
        <v>7960</v>
      </c>
      <c r="F59" s="14"/>
      <c r="G59" s="18" t="s">
        <v>116</v>
      </c>
      <c r="H59" s="17"/>
      <c r="I59" s="13">
        <v>593</v>
      </c>
      <c r="J59" s="14">
        <v>129</v>
      </c>
      <c r="K59" s="14">
        <v>464</v>
      </c>
    </row>
    <row r="60" spans="1:11" ht="15" customHeight="1">
      <c r="A60" s="17" t="s">
        <v>117</v>
      </c>
      <c r="B60" s="17"/>
      <c r="C60" s="13">
        <v>3151</v>
      </c>
      <c r="D60" s="19">
        <v>1670</v>
      </c>
      <c r="E60" s="19">
        <v>1481</v>
      </c>
      <c r="F60" s="19"/>
      <c r="G60" s="18" t="s">
        <v>118</v>
      </c>
      <c r="H60" s="17"/>
      <c r="I60" s="13">
        <v>214</v>
      </c>
      <c r="J60" s="19">
        <v>53</v>
      </c>
      <c r="K60" s="19">
        <v>161</v>
      </c>
    </row>
    <row r="61" spans="1:11" ht="15" customHeight="1">
      <c r="A61" s="17" t="s">
        <v>119</v>
      </c>
      <c r="B61" s="17"/>
      <c r="C61" s="13">
        <v>3267</v>
      </c>
      <c r="D61" s="19">
        <v>1722</v>
      </c>
      <c r="E61" s="19">
        <v>1545</v>
      </c>
      <c r="F61" s="19"/>
      <c r="G61" s="18" t="s">
        <v>120</v>
      </c>
      <c r="H61" s="17"/>
      <c r="I61" s="13">
        <v>143</v>
      </c>
      <c r="J61" s="19">
        <v>27</v>
      </c>
      <c r="K61" s="19">
        <v>116</v>
      </c>
    </row>
    <row r="62" spans="1:11" ht="15" customHeight="1">
      <c r="A62" s="17" t="s">
        <v>121</v>
      </c>
      <c r="B62" s="17"/>
      <c r="C62" s="13">
        <v>3413</v>
      </c>
      <c r="D62" s="19">
        <v>1847</v>
      </c>
      <c r="E62" s="19">
        <v>1566</v>
      </c>
      <c r="F62" s="19"/>
      <c r="G62" s="18" t="s">
        <v>122</v>
      </c>
      <c r="H62" s="17"/>
      <c r="I62" s="13">
        <v>101</v>
      </c>
      <c r="J62" s="19">
        <v>25</v>
      </c>
      <c r="K62" s="19">
        <v>76</v>
      </c>
    </row>
    <row r="63" spans="1:11" ht="15" customHeight="1">
      <c r="A63" s="17" t="s">
        <v>123</v>
      </c>
      <c r="B63" s="17"/>
      <c r="C63" s="13">
        <v>3486</v>
      </c>
      <c r="D63" s="19">
        <v>1763</v>
      </c>
      <c r="E63" s="19">
        <v>1723</v>
      </c>
      <c r="F63" s="19"/>
      <c r="G63" s="18" t="s">
        <v>124</v>
      </c>
      <c r="H63" s="17"/>
      <c r="I63" s="13">
        <v>80</v>
      </c>
      <c r="J63" s="19">
        <v>16</v>
      </c>
      <c r="K63" s="19">
        <v>64</v>
      </c>
    </row>
    <row r="64" spans="1:11" ht="15" customHeight="1">
      <c r="A64" s="17" t="s">
        <v>125</v>
      </c>
      <c r="B64" s="17"/>
      <c r="C64" s="13">
        <v>3434</v>
      </c>
      <c r="D64" s="19">
        <v>1789</v>
      </c>
      <c r="E64" s="19">
        <v>1645</v>
      </c>
      <c r="F64" s="19"/>
      <c r="G64" s="18" t="s">
        <v>126</v>
      </c>
      <c r="H64" s="17"/>
      <c r="I64" s="13">
        <v>55</v>
      </c>
      <c r="J64" s="19">
        <v>8</v>
      </c>
      <c r="K64" s="19">
        <v>4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99</v>
      </c>
      <c r="J65" s="19">
        <v>19</v>
      </c>
      <c r="K65" s="19">
        <v>8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588</v>
      </c>
      <c r="J66" s="29">
        <v>4941</v>
      </c>
      <c r="K66" s="29">
        <v>3647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3782</v>
      </c>
      <c r="D4" s="14">
        <v>113404</v>
      </c>
      <c r="E4" s="14">
        <v>12037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935</v>
      </c>
      <c r="D5" s="14">
        <v>5147</v>
      </c>
      <c r="E5" s="14">
        <v>4788</v>
      </c>
      <c r="F5" s="14"/>
      <c r="G5" s="18" t="s">
        <v>8</v>
      </c>
      <c r="H5" s="17"/>
      <c r="I5" s="13">
        <v>19300</v>
      </c>
      <c r="J5" s="14">
        <v>9704</v>
      </c>
      <c r="K5" s="14">
        <v>9596</v>
      </c>
    </row>
    <row r="6" spans="1:11" ht="15" customHeight="1">
      <c r="A6" s="17" t="s">
        <v>9</v>
      </c>
      <c r="B6" s="17"/>
      <c r="C6" s="13">
        <v>1759</v>
      </c>
      <c r="D6" s="19">
        <v>922</v>
      </c>
      <c r="E6" s="19">
        <v>837</v>
      </c>
      <c r="F6" s="19"/>
      <c r="G6" s="18" t="s">
        <v>10</v>
      </c>
      <c r="H6" s="17"/>
      <c r="I6" s="13">
        <v>4105</v>
      </c>
      <c r="J6" s="19">
        <v>2053</v>
      </c>
      <c r="K6" s="19">
        <v>2052</v>
      </c>
    </row>
    <row r="7" spans="1:11" ht="15" customHeight="1">
      <c r="A7" s="17" t="s">
        <v>11</v>
      </c>
      <c r="B7" s="17"/>
      <c r="C7" s="13">
        <v>1909</v>
      </c>
      <c r="D7" s="19">
        <v>995</v>
      </c>
      <c r="E7" s="19">
        <v>914</v>
      </c>
      <c r="F7" s="19"/>
      <c r="G7" s="18" t="s">
        <v>12</v>
      </c>
      <c r="H7" s="17"/>
      <c r="I7" s="13">
        <v>4058</v>
      </c>
      <c r="J7" s="19">
        <v>1997</v>
      </c>
      <c r="K7" s="19">
        <v>2061</v>
      </c>
    </row>
    <row r="8" spans="1:11" ht="15" customHeight="1">
      <c r="A8" s="17" t="s">
        <v>13</v>
      </c>
      <c r="B8" s="17"/>
      <c r="C8" s="13">
        <v>2053</v>
      </c>
      <c r="D8" s="19">
        <v>1064</v>
      </c>
      <c r="E8" s="19">
        <v>989</v>
      </c>
      <c r="F8" s="19"/>
      <c r="G8" s="18" t="s">
        <v>14</v>
      </c>
      <c r="H8" s="17"/>
      <c r="I8" s="13">
        <v>4081</v>
      </c>
      <c r="J8" s="19">
        <v>2045</v>
      </c>
      <c r="K8" s="19">
        <v>2036</v>
      </c>
    </row>
    <row r="9" spans="1:11" ht="15" customHeight="1">
      <c r="A9" s="17" t="s">
        <v>15</v>
      </c>
      <c r="B9" s="17"/>
      <c r="C9" s="13">
        <v>2057</v>
      </c>
      <c r="D9" s="19">
        <v>1053</v>
      </c>
      <c r="E9" s="19">
        <v>1004</v>
      </c>
      <c r="F9" s="19"/>
      <c r="G9" s="18" t="s">
        <v>16</v>
      </c>
      <c r="H9" s="17"/>
      <c r="I9" s="13">
        <v>4097</v>
      </c>
      <c r="J9" s="19">
        <v>2097</v>
      </c>
      <c r="K9" s="19">
        <v>2000</v>
      </c>
    </row>
    <row r="10" spans="1:11" ht="15" customHeight="1">
      <c r="A10" s="17" t="s">
        <v>17</v>
      </c>
      <c r="B10" s="17"/>
      <c r="C10" s="13">
        <v>2157</v>
      </c>
      <c r="D10" s="19">
        <v>1113</v>
      </c>
      <c r="E10" s="19">
        <v>1044</v>
      </c>
      <c r="F10" s="19"/>
      <c r="G10" s="18" t="s">
        <v>18</v>
      </c>
      <c r="H10" s="17"/>
      <c r="I10" s="13">
        <v>2959</v>
      </c>
      <c r="J10" s="19">
        <v>1512</v>
      </c>
      <c r="K10" s="19">
        <v>1447</v>
      </c>
    </row>
    <row r="11" spans="1:11" ht="20.100000000000001" customHeight="1">
      <c r="A11" s="17" t="s">
        <v>19</v>
      </c>
      <c r="B11" s="17"/>
      <c r="C11" s="13">
        <v>11072</v>
      </c>
      <c r="D11" s="14">
        <v>5622</v>
      </c>
      <c r="E11" s="14">
        <v>5450</v>
      </c>
      <c r="F11" s="14"/>
      <c r="G11" s="18" t="s">
        <v>20</v>
      </c>
      <c r="H11" s="17"/>
      <c r="I11" s="13">
        <v>16124</v>
      </c>
      <c r="J11" s="14">
        <v>8200</v>
      </c>
      <c r="K11" s="14">
        <v>7924</v>
      </c>
    </row>
    <row r="12" spans="1:11" ht="15" customHeight="1">
      <c r="A12" s="17" t="s">
        <v>21</v>
      </c>
      <c r="B12" s="17"/>
      <c r="C12" s="13">
        <v>2284</v>
      </c>
      <c r="D12" s="19">
        <v>1120</v>
      </c>
      <c r="E12" s="19">
        <v>1164</v>
      </c>
      <c r="F12" s="19"/>
      <c r="G12" s="18" t="s">
        <v>22</v>
      </c>
      <c r="H12" s="17"/>
      <c r="I12" s="13">
        <v>3870</v>
      </c>
      <c r="J12" s="19">
        <v>1925</v>
      </c>
      <c r="K12" s="19">
        <v>1945</v>
      </c>
    </row>
    <row r="13" spans="1:11" ht="15" customHeight="1">
      <c r="A13" s="17" t="s">
        <v>23</v>
      </c>
      <c r="B13" s="17"/>
      <c r="C13" s="13">
        <v>2147</v>
      </c>
      <c r="D13" s="19">
        <v>1086</v>
      </c>
      <c r="E13" s="19">
        <v>1061</v>
      </c>
      <c r="F13" s="19"/>
      <c r="G13" s="18" t="s">
        <v>24</v>
      </c>
      <c r="H13" s="17"/>
      <c r="I13" s="13">
        <v>3373</v>
      </c>
      <c r="J13" s="19">
        <v>1730</v>
      </c>
      <c r="K13" s="19">
        <v>1643</v>
      </c>
    </row>
    <row r="14" spans="1:11" ht="15" customHeight="1">
      <c r="A14" s="17" t="s">
        <v>25</v>
      </c>
      <c r="B14" s="17"/>
      <c r="C14" s="13">
        <v>2212</v>
      </c>
      <c r="D14" s="19">
        <v>1123</v>
      </c>
      <c r="E14" s="19">
        <v>1089</v>
      </c>
      <c r="F14" s="19"/>
      <c r="G14" s="18" t="s">
        <v>26</v>
      </c>
      <c r="H14" s="17"/>
      <c r="I14" s="13">
        <v>3169</v>
      </c>
      <c r="J14" s="19">
        <v>1608</v>
      </c>
      <c r="K14" s="19">
        <v>1561</v>
      </c>
    </row>
    <row r="15" spans="1:11" ht="15" customHeight="1">
      <c r="A15" s="17" t="s">
        <v>27</v>
      </c>
      <c r="B15" s="17"/>
      <c r="C15" s="13">
        <v>2210</v>
      </c>
      <c r="D15" s="19">
        <v>1157</v>
      </c>
      <c r="E15" s="19">
        <v>1053</v>
      </c>
      <c r="F15" s="19"/>
      <c r="G15" s="18" t="s">
        <v>28</v>
      </c>
      <c r="H15" s="17"/>
      <c r="I15" s="13">
        <v>2982</v>
      </c>
      <c r="J15" s="19">
        <v>1563</v>
      </c>
      <c r="K15" s="19">
        <v>1419</v>
      </c>
    </row>
    <row r="16" spans="1:11" ht="15" customHeight="1">
      <c r="A16" s="17" t="s">
        <v>29</v>
      </c>
      <c r="B16" s="17"/>
      <c r="C16" s="13">
        <v>2219</v>
      </c>
      <c r="D16" s="19">
        <v>1136</v>
      </c>
      <c r="E16" s="19">
        <v>1083</v>
      </c>
      <c r="F16" s="19"/>
      <c r="G16" s="18" t="s">
        <v>30</v>
      </c>
      <c r="H16" s="17"/>
      <c r="I16" s="13">
        <v>2730</v>
      </c>
      <c r="J16" s="19">
        <v>1374</v>
      </c>
      <c r="K16" s="19">
        <v>1356</v>
      </c>
    </row>
    <row r="17" spans="1:11" ht="20.100000000000001" customHeight="1">
      <c r="A17" s="20" t="s">
        <v>31</v>
      </c>
      <c r="B17" s="20"/>
      <c r="C17" s="13">
        <v>10835</v>
      </c>
      <c r="D17" s="14">
        <v>5635</v>
      </c>
      <c r="E17" s="14">
        <v>5200</v>
      </c>
      <c r="F17" s="14"/>
      <c r="G17" s="18" t="s">
        <v>32</v>
      </c>
      <c r="H17" s="17"/>
      <c r="I17" s="13">
        <v>11562</v>
      </c>
      <c r="J17" s="14">
        <v>5831</v>
      </c>
      <c r="K17" s="14">
        <v>5731</v>
      </c>
    </row>
    <row r="18" spans="1:11" ht="15" customHeight="1">
      <c r="A18" s="17" t="s">
        <v>33</v>
      </c>
      <c r="B18" s="17"/>
      <c r="C18" s="13">
        <v>2145</v>
      </c>
      <c r="D18" s="19">
        <v>1129</v>
      </c>
      <c r="E18" s="19">
        <v>1016</v>
      </c>
      <c r="F18" s="19"/>
      <c r="G18" s="18" t="s">
        <v>34</v>
      </c>
      <c r="H18" s="17"/>
      <c r="I18" s="13">
        <v>2573</v>
      </c>
      <c r="J18" s="19">
        <v>1307</v>
      </c>
      <c r="K18" s="19">
        <v>1266</v>
      </c>
    </row>
    <row r="19" spans="1:11" ht="15" customHeight="1">
      <c r="A19" s="17" t="s">
        <v>35</v>
      </c>
      <c r="B19" s="17"/>
      <c r="C19" s="13">
        <v>2174</v>
      </c>
      <c r="D19" s="19">
        <v>1104</v>
      </c>
      <c r="E19" s="19">
        <v>1070</v>
      </c>
      <c r="F19" s="19"/>
      <c r="G19" s="18" t="s">
        <v>36</v>
      </c>
      <c r="H19" s="17"/>
      <c r="I19" s="13">
        <v>2461</v>
      </c>
      <c r="J19" s="19">
        <v>1237</v>
      </c>
      <c r="K19" s="19">
        <v>1224</v>
      </c>
    </row>
    <row r="20" spans="1:11" ht="15" customHeight="1">
      <c r="A20" s="17" t="s">
        <v>37</v>
      </c>
      <c r="B20" s="17"/>
      <c r="C20" s="13">
        <v>2231</v>
      </c>
      <c r="D20" s="19">
        <v>1157</v>
      </c>
      <c r="E20" s="19">
        <v>1074</v>
      </c>
      <c r="F20" s="19"/>
      <c r="G20" s="18" t="s">
        <v>38</v>
      </c>
      <c r="H20" s="17"/>
      <c r="I20" s="13">
        <v>2361</v>
      </c>
      <c r="J20" s="19">
        <v>1177</v>
      </c>
      <c r="K20" s="19">
        <v>1184</v>
      </c>
    </row>
    <row r="21" spans="1:11" ht="15" customHeight="1">
      <c r="A21" s="17" t="s">
        <v>39</v>
      </c>
      <c r="B21" s="17"/>
      <c r="C21" s="13">
        <v>2178</v>
      </c>
      <c r="D21" s="19">
        <v>1141</v>
      </c>
      <c r="E21" s="19">
        <v>1037</v>
      </c>
      <c r="F21" s="19"/>
      <c r="G21" s="18" t="s">
        <v>40</v>
      </c>
      <c r="H21" s="17"/>
      <c r="I21" s="13">
        <v>2101</v>
      </c>
      <c r="J21" s="19">
        <v>1057</v>
      </c>
      <c r="K21" s="19">
        <v>1044</v>
      </c>
    </row>
    <row r="22" spans="1:11" ht="15" customHeight="1">
      <c r="A22" s="17" t="s">
        <v>41</v>
      </c>
      <c r="B22" s="17"/>
      <c r="C22" s="13">
        <v>2107</v>
      </c>
      <c r="D22" s="19">
        <v>1104</v>
      </c>
      <c r="E22" s="19">
        <v>1003</v>
      </c>
      <c r="F22" s="19"/>
      <c r="G22" s="18" t="s">
        <v>42</v>
      </c>
      <c r="H22" s="17"/>
      <c r="I22" s="13">
        <v>2066</v>
      </c>
      <c r="J22" s="19">
        <v>1053</v>
      </c>
      <c r="K22" s="19">
        <v>1013</v>
      </c>
    </row>
    <row r="23" spans="1:11" ht="20.100000000000001" customHeight="1">
      <c r="A23" s="17" t="s">
        <v>43</v>
      </c>
      <c r="B23" s="17"/>
      <c r="C23" s="13">
        <v>10723</v>
      </c>
      <c r="D23" s="14">
        <v>5364</v>
      </c>
      <c r="E23" s="14">
        <v>5359</v>
      </c>
      <c r="F23" s="14"/>
      <c r="G23" s="18" t="s">
        <v>44</v>
      </c>
      <c r="H23" s="17"/>
      <c r="I23" s="13">
        <v>10713</v>
      </c>
      <c r="J23" s="14">
        <v>5203</v>
      </c>
      <c r="K23" s="14">
        <v>5510</v>
      </c>
    </row>
    <row r="24" spans="1:11" ht="15" customHeight="1">
      <c r="A24" s="17" t="s">
        <v>45</v>
      </c>
      <c r="B24" s="17"/>
      <c r="C24" s="13">
        <v>2099</v>
      </c>
      <c r="D24" s="19">
        <v>1036</v>
      </c>
      <c r="E24" s="19">
        <v>1063</v>
      </c>
      <c r="F24" s="19"/>
      <c r="G24" s="18" t="s">
        <v>46</v>
      </c>
      <c r="H24" s="17"/>
      <c r="I24" s="13">
        <v>2012</v>
      </c>
      <c r="J24" s="19">
        <v>1012</v>
      </c>
      <c r="K24" s="19">
        <v>1000</v>
      </c>
    </row>
    <row r="25" spans="1:11" ht="15" customHeight="1">
      <c r="A25" s="17" t="s">
        <v>47</v>
      </c>
      <c r="B25" s="17"/>
      <c r="C25" s="13">
        <v>2056</v>
      </c>
      <c r="D25" s="19">
        <v>1057</v>
      </c>
      <c r="E25" s="19">
        <v>999</v>
      </c>
      <c r="F25" s="19"/>
      <c r="G25" s="18" t="s">
        <v>48</v>
      </c>
      <c r="H25" s="17"/>
      <c r="I25" s="13">
        <v>2106</v>
      </c>
      <c r="J25" s="19">
        <v>1038</v>
      </c>
      <c r="K25" s="19">
        <v>1068</v>
      </c>
    </row>
    <row r="26" spans="1:11" ht="15" customHeight="1">
      <c r="A26" s="17" t="s">
        <v>49</v>
      </c>
      <c r="B26" s="17"/>
      <c r="C26" s="13">
        <v>2052</v>
      </c>
      <c r="D26" s="19">
        <v>1001</v>
      </c>
      <c r="E26" s="19">
        <v>1051</v>
      </c>
      <c r="F26" s="19"/>
      <c r="G26" s="18" t="s">
        <v>50</v>
      </c>
      <c r="H26" s="17"/>
      <c r="I26" s="13">
        <v>2083</v>
      </c>
      <c r="J26" s="19">
        <v>993</v>
      </c>
      <c r="K26" s="19">
        <v>1090</v>
      </c>
    </row>
    <row r="27" spans="1:11" ht="15" customHeight="1">
      <c r="A27" s="17" t="s">
        <v>51</v>
      </c>
      <c r="B27" s="17"/>
      <c r="C27" s="13">
        <v>2205</v>
      </c>
      <c r="D27" s="19">
        <v>1110</v>
      </c>
      <c r="E27" s="19">
        <v>1095</v>
      </c>
      <c r="F27" s="19"/>
      <c r="G27" s="18" t="s">
        <v>52</v>
      </c>
      <c r="H27" s="17"/>
      <c r="I27" s="13">
        <v>2231</v>
      </c>
      <c r="J27" s="19">
        <v>1076</v>
      </c>
      <c r="K27" s="19">
        <v>1155</v>
      </c>
    </row>
    <row r="28" spans="1:11" ht="15" customHeight="1">
      <c r="A28" s="17" t="s">
        <v>53</v>
      </c>
      <c r="B28" s="17"/>
      <c r="C28" s="13">
        <v>2311</v>
      </c>
      <c r="D28" s="19">
        <v>1160</v>
      </c>
      <c r="E28" s="19">
        <v>1151</v>
      </c>
      <c r="F28" s="19"/>
      <c r="G28" s="18" t="s">
        <v>54</v>
      </c>
      <c r="H28" s="17"/>
      <c r="I28" s="13">
        <v>2281</v>
      </c>
      <c r="J28" s="19">
        <v>1084</v>
      </c>
      <c r="K28" s="19">
        <v>1197</v>
      </c>
    </row>
    <row r="29" spans="1:11" ht="20.100000000000001" customHeight="1">
      <c r="A29" s="17" t="s">
        <v>55</v>
      </c>
      <c r="B29" s="17"/>
      <c r="C29" s="13">
        <v>12729</v>
      </c>
      <c r="D29" s="14">
        <v>6293</v>
      </c>
      <c r="E29" s="14">
        <v>6436</v>
      </c>
      <c r="F29" s="14"/>
      <c r="G29" s="18" t="s">
        <v>56</v>
      </c>
      <c r="H29" s="17"/>
      <c r="I29" s="13">
        <v>12476</v>
      </c>
      <c r="J29" s="14">
        <v>5788</v>
      </c>
      <c r="K29" s="14">
        <v>6688</v>
      </c>
    </row>
    <row r="30" spans="1:11" ht="15" customHeight="1">
      <c r="A30" s="17" t="s">
        <v>57</v>
      </c>
      <c r="B30" s="17"/>
      <c r="C30" s="13">
        <v>2498</v>
      </c>
      <c r="D30" s="19">
        <v>1235</v>
      </c>
      <c r="E30" s="19">
        <v>1263</v>
      </c>
      <c r="F30" s="19"/>
      <c r="G30" s="18" t="s">
        <v>58</v>
      </c>
      <c r="H30" s="17"/>
      <c r="I30" s="13">
        <v>2431</v>
      </c>
      <c r="J30" s="19">
        <v>1170</v>
      </c>
      <c r="K30" s="19">
        <v>1261</v>
      </c>
    </row>
    <row r="31" spans="1:11" ht="15" customHeight="1">
      <c r="A31" s="17" t="s">
        <v>59</v>
      </c>
      <c r="B31" s="17"/>
      <c r="C31" s="13">
        <v>2540</v>
      </c>
      <c r="D31" s="19">
        <v>1254</v>
      </c>
      <c r="E31" s="19">
        <v>1286</v>
      </c>
      <c r="F31" s="19"/>
      <c r="G31" s="18" t="s">
        <v>60</v>
      </c>
      <c r="H31" s="17"/>
      <c r="I31" s="13">
        <v>2811</v>
      </c>
      <c r="J31" s="19">
        <v>1283</v>
      </c>
      <c r="K31" s="19">
        <v>1528</v>
      </c>
    </row>
    <row r="32" spans="1:11" ht="15" customHeight="1">
      <c r="A32" s="17" t="s">
        <v>61</v>
      </c>
      <c r="B32" s="17"/>
      <c r="C32" s="13">
        <v>2593</v>
      </c>
      <c r="D32" s="19">
        <v>1303</v>
      </c>
      <c r="E32" s="19">
        <v>1290</v>
      </c>
      <c r="F32" s="19"/>
      <c r="G32" s="18" t="s">
        <v>62</v>
      </c>
      <c r="H32" s="17"/>
      <c r="I32" s="13">
        <v>2737</v>
      </c>
      <c r="J32" s="19">
        <v>1276</v>
      </c>
      <c r="K32" s="19">
        <v>1461</v>
      </c>
    </row>
    <row r="33" spans="1:11" ht="15" customHeight="1">
      <c r="A33" s="17" t="s">
        <v>63</v>
      </c>
      <c r="B33" s="17"/>
      <c r="C33" s="13">
        <v>2597</v>
      </c>
      <c r="D33" s="19">
        <v>1289</v>
      </c>
      <c r="E33" s="19">
        <v>1308</v>
      </c>
      <c r="F33" s="19"/>
      <c r="G33" s="18" t="s">
        <v>64</v>
      </c>
      <c r="H33" s="17"/>
      <c r="I33" s="13">
        <v>2666</v>
      </c>
      <c r="J33" s="19">
        <v>1231</v>
      </c>
      <c r="K33" s="19">
        <v>1435</v>
      </c>
    </row>
    <row r="34" spans="1:11" ht="15" customHeight="1">
      <c r="A34" s="17" t="s">
        <v>65</v>
      </c>
      <c r="B34" s="17"/>
      <c r="C34" s="13">
        <v>2501</v>
      </c>
      <c r="D34" s="19">
        <v>1212</v>
      </c>
      <c r="E34" s="19">
        <v>1289</v>
      </c>
      <c r="F34" s="19"/>
      <c r="G34" s="18" t="s">
        <v>66</v>
      </c>
      <c r="H34" s="17"/>
      <c r="I34" s="13">
        <v>1831</v>
      </c>
      <c r="J34" s="19">
        <v>828</v>
      </c>
      <c r="K34" s="19">
        <v>1003</v>
      </c>
    </row>
    <row r="35" spans="1:11" ht="20.100000000000001" customHeight="1">
      <c r="A35" s="17" t="s">
        <v>67</v>
      </c>
      <c r="B35" s="17"/>
      <c r="C35" s="13">
        <v>11884</v>
      </c>
      <c r="D35" s="14">
        <v>5637</v>
      </c>
      <c r="E35" s="14">
        <v>6247</v>
      </c>
      <c r="F35" s="14"/>
      <c r="G35" s="18" t="s">
        <v>68</v>
      </c>
      <c r="H35" s="17"/>
      <c r="I35" s="13">
        <v>9878</v>
      </c>
      <c r="J35" s="14">
        <v>4338</v>
      </c>
      <c r="K35" s="14">
        <v>5540</v>
      </c>
    </row>
    <row r="36" spans="1:11" ht="15" customHeight="1">
      <c r="A36" s="17" t="s">
        <v>69</v>
      </c>
      <c r="B36" s="17"/>
      <c r="C36" s="13">
        <v>2381</v>
      </c>
      <c r="D36" s="19">
        <v>1121</v>
      </c>
      <c r="E36" s="19">
        <v>1260</v>
      </c>
      <c r="F36" s="19"/>
      <c r="G36" s="18" t="s">
        <v>70</v>
      </c>
      <c r="H36" s="17"/>
      <c r="I36" s="13">
        <v>1673</v>
      </c>
      <c r="J36" s="19">
        <v>726</v>
      </c>
      <c r="K36" s="19">
        <v>947</v>
      </c>
    </row>
    <row r="37" spans="1:11" ht="15" customHeight="1">
      <c r="A37" s="17" t="s">
        <v>71</v>
      </c>
      <c r="B37" s="17"/>
      <c r="C37" s="13">
        <v>2512</v>
      </c>
      <c r="D37" s="19">
        <v>1202</v>
      </c>
      <c r="E37" s="19">
        <v>1310</v>
      </c>
      <c r="F37" s="19"/>
      <c r="G37" s="18" t="s">
        <v>72</v>
      </c>
      <c r="H37" s="17"/>
      <c r="I37" s="13">
        <v>2016</v>
      </c>
      <c r="J37" s="19">
        <v>892</v>
      </c>
      <c r="K37" s="19">
        <v>1124</v>
      </c>
    </row>
    <row r="38" spans="1:11" ht="15" customHeight="1">
      <c r="A38" s="17" t="s">
        <v>73</v>
      </c>
      <c r="B38" s="17"/>
      <c r="C38" s="13">
        <v>2332</v>
      </c>
      <c r="D38" s="19">
        <v>1115</v>
      </c>
      <c r="E38" s="19">
        <v>1217</v>
      </c>
      <c r="F38" s="19"/>
      <c r="G38" s="18" t="s">
        <v>74</v>
      </c>
      <c r="H38" s="17"/>
      <c r="I38" s="13">
        <v>2189</v>
      </c>
      <c r="J38" s="19">
        <v>963</v>
      </c>
      <c r="K38" s="19">
        <v>1226</v>
      </c>
    </row>
    <row r="39" spans="1:11" ht="15" customHeight="1">
      <c r="A39" s="17" t="s">
        <v>75</v>
      </c>
      <c r="B39" s="17"/>
      <c r="C39" s="13">
        <v>2267</v>
      </c>
      <c r="D39" s="19">
        <v>1028</v>
      </c>
      <c r="E39" s="19">
        <v>1239</v>
      </c>
      <c r="F39" s="19"/>
      <c r="G39" s="18" t="s">
        <v>76</v>
      </c>
      <c r="H39" s="17"/>
      <c r="I39" s="13">
        <v>2037</v>
      </c>
      <c r="J39" s="19">
        <v>892</v>
      </c>
      <c r="K39" s="19">
        <v>1145</v>
      </c>
    </row>
    <row r="40" spans="1:11" ht="15" customHeight="1">
      <c r="A40" s="17" t="s">
        <v>77</v>
      </c>
      <c r="B40" s="17"/>
      <c r="C40" s="13">
        <v>2392</v>
      </c>
      <c r="D40" s="19">
        <v>1171</v>
      </c>
      <c r="E40" s="19">
        <v>1221</v>
      </c>
      <c r="F40" s="19"/>
      <c r="G40" s="18" t="s">
        <v>78</v>
      </c>
      <c r="H40" s="17"/>
      <c r="I40" s="13">
        <v>1963</v>
      </c>
      <c r="J40" s="19">
        <v>865</v>
      </c>
      <c r="K40" s="19">
        <v>1098</v>
      </c>
    </row>
    <row r="41" spans="1:11" ht="20.100000000000001" customHeight="1">
      <c r="A41" s="17" t="s">
        <v>79</v>
      </c>
      <c r="B41" s="17"/>
      <c r="C41" s="13">
        <v>12615</v>
      </c>
      <c r="D41" s="14">
        <v>6180</v>
      </c>
      <c r="E41" s="14">
        <v>6435</v>
      </c>
      <c r="F41" s="14"/>
      <c r="G41" s="18" t="s">
        <v>80</v>
      </c>
      <c r="H41" s="17"/>
      <c r="I41" s="13">
        <v>7298</v>
      </c>
      <c r="J41" s="14">
        <v>3173</v>
      </c>
      <c r="K41" s="14">
        <v>4125</v>
      </c>
    </row>
    <row r="42" spans="1:11" ht="15" customHeight="1">
      <c r="A42" s="17" t="s">
        <v>81</v>
      </c>
      <c r="B42" s="17"/>
      <c r="C42" s="13">
        <v>2422</v>
      </c>
      <c r="D42" s="19">
        <v>1189</v>
      </c>
      <c r="E42" s="19">
        <v>1233</v>
      </c>
      <c r="F42" s="19"/>
      <c r="G42" s="18" t="s">
        <v>82</v>
      </c>
      <c r="H42" s="17"/>
      <c r="I42" s="13">
        <v>1755</v>
      </c>
      <c r="J42" s="19">
        <v>763</v>
      </c>
      <c r="K42" s="19">
        <v>992</v>
      </c>
    </row>
    <row r="43" spans="1:11" ht="15" customHeight="1">
      <c r="A43" s="17" t="s">
        <v>83</v>
      </c>
      <c r="B43" s="17"/>
      <c r="C43" s="13">
        <v>2447</v>
      </c>
      <c r="D43" s="19">
        <v>1226</v>
      </c>
      <c r="E43" s="19">
        <v>1221</v>
      </c>
      <c r="F43" s="19"/>
      <c r="G43" s="18" t="s">
        <v>84</v>
      </c>
      <c r="H43" s="17"/>
      <c r="I43" s="13">
        <v>1442</v>
      </c>
      <c r="J43" s="19">
        <v>638</v>
      </c>
      <c r="K43" s="19">
        <v>804</v>
      </c>
    </row>
    <row r="44" spans="1:11" ht="15" customHeight="1">
      <c r="A44" s="17" t="s">
        <v>85</v>
      </c>
      <c r="B44" s="17"/>
      <c r="C44" s="13">
        <v>2513</v>
      </c>
      <c r="D44" s="19">
        <v>1195</v>
      </c>
      <c r="E44" s="19">
        <v>1318</v>
      </c>
      <c r="F44" s="19"/>
      <c r="G44" s="18" t="s">
        <v>86</v>
      </c>
      <c r="H44" s="17"/>
      <c r="I44" s="13">
        <v>1399</v>
      </c>
      <c r="J44" s="19">
        <v>595</v>
      </c>
      <c r="K44" s="19">
        <v>804</v>
      </c>
    </row>
    <row r="45" spans="1:11" ht="15" customHeight="1">
      <c r="A45" s="17" t="s">
        <v>87</v>
      </c>
      <c r="B45" s="17"/>
      <c r="C45" s="13">
        <v>2595</v>
      </c>
      <c r="D45" s="19">
        <v>1264</v>
      </c>
      <c r="E45" s="19">
        <v>1331</v>
      </c>
      <c r="F45" s="19"/>
      <c r="G45" s="18" t="s">
        <v>88</v>
      </c>
      <c r="H45" s="17"/>
      <c r="I45" s="13">
        <v>1427</v>
      </c>
      <c r="J45" s="19">
        <v>616</v>
      </c>
      <c r="K45" s="19">
        <v>811</v>
      </c>
    </row>
    <row r="46" spans="1:11" ht="15" customHeight="1">
      <c r="A46" s="17" t="s">
        <v>89</v>
      </c>
      <c r="B46" s="17"/>
      <c r="C46" s="13">
        <v>2638</v>
      </c>
      <c r="D46" s="19">
        <v>1306</v>
      </c>
      <c r="E46" s="19">
        <v>1332</v>
      </c>
      <c r="F46" s="19"/>
      <c r="G46" s="18" t="s">
        <v>90</v>
      </c>
      <c r="H46" s="17"/>
      <c r="I46" s="13">
        <v>1275</v>
      </c>
      <c r="J46" s="19">
        <v>561</v>
      </c>
      <c r="K46" s="19">
        <v>714</v>
      </c>
    </row>
    <row r="47" spans="1:11" ht="20.100000000000001" customHeight="1">
      <c r="A47" s="17" t="s">
        <v>91</v>
      </c>
      <c r="B47" s="17"/>
      <c r="C47" s="13">
        <v>15456</v>
      </c>
      <c r="D47" s="14">
        <v>7675</v>
      </c>
      <c r="E47" s="14">
        <v>7781</v>
      </c>
      <c r="F47" s="14"/>
      <c r="G47" s="18" t="s">
        <v>92</v>
      </c>
      <c r="H47" s="17"/>
      <c r="I47" s="13">
        <v>4488</v>
      </c>
      <c r="J47" s="14">
        <v>1705</v>
      </c>
      <c r="K47" s="14">
        <v>2783</v>
      </c>
    </row>
    <row r="48" spans="1:11" ht="15" customHeight="1">
      <c r="A48" s="17" t="s">
        <v>93</v>
      </c>
      <c r="B48" s="17"/>
      <c r="C48" s="13">
        <v>2966</v>
      </c>
      <c r="D48" s="19">
        <v>1447</v>
      </c>
      <c r="E48" s="19">
        <v>1519</v>
      </c>
      <c r="F48" s="19"/>
      <c r="G48" s="18" t="s">
        <v>94</v>
      </c>
      <c r="H48" s="17"/>
      <c r="I48" s="13">
        <v>1203</v>
      </c>
      <c r="J48" s="19">
        <v>469</v>
      </c>
      <c r="K48" s="19">
        <v>734</v>
      </c>
    </row>
    <row r="49" spans="1:11" ht="15" customHeight="1">
      <c r="A49" s="17" t="s">
        <v>95</v>
      </c>
      <c r="B49" s="17"/>
      <c r="C49" s="13">
        <v>3004</v>
      </c>
      <c r="D49" s="19">
        <v>1466</v>
      </c>
      <c r="E49" s="19">
        <v>1538</v>
      </c>
      <c r="F49" s="19"/>
      <c r="G49" s="18" t="s">
        <v>96</v>
      </c>
      <c r="H49" s="17"/>
      <c r="I49" s="13">
        <v>935</v>
      </c>
      <c r="J49" s="19">
        <v>358</v>
      </c>
      <c r="K49" s="19">
        <v>577</v>
      </c>
    </row>
    <row r="50" spans="1:11" ht="15" customHeight="1">
      <c r="A50" s="17" t="s">
        <v>97</v>
      </c>
      <c r="B50" s="17"/>
      <c r="C50" s="13">
        <v>3192</v>
      </c>
      <c r="D50" s="19">
        <v>1598</v>
      </c>
      <c r="E50" s="19">
        <v>1594</v>
      </c>
      <c r="F50" s="19"/>
      <c r="G50" s="18" t="s">
        <v>98</v>
      </c>
      <c r="H50" s="17"/>
      <c r="I50" s="13">
        <v>928</v>
      </c>
      <c r="J50" s="19">
        <v>374</v>
      </c>
      <c r="K50" s="19">
        <v>554</v>
      </c>
    </row>
    <row r="51" spans="1:11" ht="15" customHeight="1">
      <c r="A51" s="17" t="s">
        <v>99</v>
      </c>
      <c r="B51" s="17"/>
      <c r="C51" s="13">
        <v>3058</v>
      </c>
      <c r="D51" s="19">
        <v>1529</v>
      </c>
      <c r="E51" s="19">
        <v>1529</v>
      </c>
      <c r="F51" s="19"/>
      <c r="G51" s="18" t="s">
        <v>100</v>
      </c>
      <c r="H51" s="17"/>
      <c r="I51" s="13">
        <v>791</v>
      </c>
      <c r="J51" s="19">
        <v>283</v>
      </c>
      <c r="K51" s="19">
        <v>508</v>
      </c>
    </row>
    <row r="52" spans="1:11" ht="15" customHeight="1">
      <c r="A52" s="17" t="s">
        <v>101</v>
      </c>
      <c r="B52" s="17"/>
      <c r="C52" s="13">
        <v>3236</v>
      </c>
      <c r="D52" s="19">
        <v>1635</v>
      </c>
      <c r="E52" s="19">
        <v>1601</v>
      </c>
      <c r="F52" s="19"/>
      <c r="G52" s="18" t="s">
        <v>102</v>
      </c>
      <c r="H52" s="17"/>
      <c r="I52" s="13">
        <v>631</v>
      </c>
      <c r="J52" s="19">
        <v>221</v>
      </c>
      <c r="K52" s="19">
        <v>410</v>
      </c>
    </row>
    <row r="53" spans="1:11" ht="20.100000000000001" customHeight="1">
      <c r="A53" s="17" t="s">
        <v>103</v>
      </c>
      <c r="B53" s="17"/>
      <c r="C53" s="13">
        <v>17700</v>
      </c>
      <c r="D53" s="14">
        <v>8808</v>
      </c>
      <c r="E53" s="14">
        <v>8892</v>
      </c>
      <c r="F53" s="14"/>
      <c r="G53" s="18" t="s">
        <v>104</v>
      </c>
      <c r="H53" s="17"/>
      <c r="I53" s="13">
        <v>1787</v>
      </c>
      <c r="J53" s="14">
        <v>545</v>
      </c>
      <c r="K53" s="14">
        <v>1242</v>
      </c>
    </row>
    <row r="54" spans="1:11" ht="15" customHeight="1">
      <c r="A54" s="17" t="s">
        <v>105</v>
      </c>
      <c r="B54" s="17"/>
      <c r="C54" s="13">
        <v>3327</v>
      </c>
      <c r="D54" s="19">
        <v>1659</v>
      </c>
      <c r="E54" s="19">
        <v>1668</v>
      </c>
      <c r="F54" s="19"/>
      <c r="G54" s="18" t="s">
        <v>106</v>
      </c>
      <c r="H54" s="17"/>
      <c r="I54" s="13">
        <v>546</v>
      </c>
      <c r="J54" s="19">
        <v>186</v>
      </c>
      <c r="K54" s="19">
        <v>360</v>
      </c>
    </row>
    <row r="55" spans="1:11" ht="15" customHeight="1">
      <c r="A55" s="17" t="s">
        <v>107</v>
      </c>
      <c r="B55" s="17"/>
      <c r="C55" s="13">
        <v>3417</v>
      </c>
      <c r="D55" s="19">
        <v>1658</v>
      </c>
      <c r="E55" s="19">
        <v>1759</v>
      </c>
      <c r="F55" s="19"/>
      <c r="G55" s="18" t="s">
        <v>108</v>
      </c>
      <c r="H55" s="17"/>
      <c r="I55" s="13">
        <v>425</v>
      </c>
      <c r="J55" s="19">
        <v>142</v>
      </c>
      <c r="K55" s="19">
        <v>283</v>
      </c>
    </row>
    <row r="56" spans="1:11" ht="15" customHeight="1">
      <c r="A56" s="17" t="s">
        <v>109</v>
      </c>
      <c r="B56" s="17"/>
      <c r="C56" s="13">
        <v>3568</v>
      </c>
      <c r="D56" s="19">
        <v>1799</v>
      </c>
      <c r="E56" s="19">
        <v>1769</v>
      </c>
      <c r="F56" s="19"/>
      <c r="G56" s="18" t="s">
        <v>110</v>
      </c>
      <c r="H56" s="17"/>
      <c r="I56" s="13">
        <v>357</v>
      </c>
      <c r="J56" s="19">
        <v>94</v>
      </c>
      <c r="K56" s="19">
        <v>263</v>
      </c>
    </row>
    <row r="57" spans="1:11" ht="15" customHeight="1">
      <c r="A57" s="17" t="s">
        <v>111</v>
      </c>
      <c r="B57" s="17"/>
      <c r="C57" s="13">
        <v>3582</v>
      </c>
      <c r="D57" s="19">
        <v>1767</v>
      </c>
      <c r="E57" s="19">
        <v>1815</v>
      </c>
      <c r="F57" s="19"/>
      <c r="G57" s="18" t="s">
        <v>112</v>
      </c>
      <c r="H57" s="17"/>
      <c r="I57" s="13">
        <v>256</v>
      </c>
      <c r="J57" s="19">
        <v>72</v>
      </c>
      <c r="K57" s="19">
        <v>184</v>
      </c>
    </row>
    <row r="58" spans="1:11" ht="15" customHeight="1">
      <c r="A58" s="17" t="s">
        <v>113</v>
      </c>
      <c r="B58" s="17"/>
      <c r="C58" s="13">
        <v>3806</v>
      </c>
      <c r="D58" s="19">
        <v>1925</v>
      </c>
      <c r="E58" s="19">
        <v>1881</v>
      </c>
      <c r="F58" s="19"/>
      <c r="G58" s="18" t="s">
        <v>114</v>
      </c>
      <c r="H58" s="17"/>
      <c r="I58" s="13">
        <v>203</v>
      </c>
      <c r="J58" s="19">
        <v>51</v>
      </c>
      <c r="K58" s="19">
        <v>152</v>
      </c>
    </row>
    <row r="59" spans="1:11" ht="20.100000000000001" customHeight="1">
      <c r="A59" s="17" t="s">
        <v>115</v>
      </c>
      <c r="B59" s="17"/>
      <c r="C59" s="13">
        <v>20072</v>
      </c>
      <c r="D59" s="14">
        <v>9889</v>
      </c>
      <c r="E59" s="14">
        <v>10183</v>
      </c>
      <c r="F59" s="14"/>
      <c r="G59" s="18" t="s">
        <v>116</v>
      </c>
      <c r="H59" s="17"/>
      <c r="I59" s="13">
        <v>455</v>
      </c>
      <c r="J59" s="14">
        <v>113</v>
      </c>
      <c r="K59" s="14">
        <v>342</v>
      </c>
    </row>
    <row r="60" spans="1:11" ht="15" customHeight="1">
      <c r="A60" s="17" t="s">
        <v>117</v>
      </c>
      <c r="B60" s="17"/>
      <c r="C60" s="13">
        <v>3675</v>
      </c>
      <c r="D60" s="19">
        <v>1850</v>
      </c>
      <c r="E60" s="19">
        <v>1825</v>
      </c>
      <c r="F60" s="19"/>
      <c r="G60" s="18" t="s">
        <v>118</v>
      </c>
      <c r="H60" s="17"/>
      <c r="I60" s="13">
        <v>192</v>
      </c>
      <c r="J60" s="19">
        <v>51</v>
      </c>
      <c r="K60" s="19">
        <v>141</v>
      </c>
    </row>
    <row r="61" spans="1:11" ht="15" customHeight="1">
      <c r="A61" s="17" t="s">
        <v>119</v>
      </c>
      <c r="B61" s="17"/>
      <c r="C61" s="13">
        <v>4113</v>
      </c>
      <c r="D61" s="19">
        <v>2065</v>
      </c>
      <c r="E61" s="19">
        <v>2048</v>
      </c>
      <c r="F61" s="19"/>
      <c r="G61" s="18" t="s">
        <v>120</v>
      </c>
      <c r="H61" s="17"/>
      <c r="I61" s="13">
        <v>86</v>
      </c>
      <c r="J61" s="19">
        <v>25</v>
      </c>
      <c r="K61" s="19">
        <v>61</v>
      </c>
    </row>
    <row r="62" spans="1:11" ht="15" customHeight="1">
      <c r="A62" s="17" t="s">
        <v>121</v>
      </c>
      <c r="B62" s="17"/>
      <c r="C62" s="13">
        <v>4115</v>
      </c>
      <c r="D62" s="19">
        <v>2039</v>
      </c>
      <c r="E62" s="19">
        <v>2076</v>
      </c>
      <c r="F62" s="19"/>
      <c r="G62" s="18" t="s">
        <v>122</v>
      </c>
      <c r="H62" s="17"/>
      <c r="I62" s="13">
        <v>75</v>
      </c>
      <c r="J62" s="19">
        <v>17</v>
      </c>
      <c r="K62" s="19">
        <v>58</v>
      </c>
    </row>
    <row r="63" spans="1:11" ht="15" customHeight="1">
      <c r="A63" s="17" t="s">
        <v>123</v>
      </c>
      <c r="B63" s="17"/>
      <c r="C63" s="13">
        <v>4052</v>
      </c>
      <c r="D63" s="19">
        <v>1993</v>
      </c>
      <c r="E63" s="19">
        <v>2059</v>
      </c>
      <c r="F63" s="19"/>
      <c r="G63" s="18" t="s">
        <v>124</v>
      </c>
      <c r="H63" s="17"/>
      <c r="I63" s="13">
        <v>54</v>
      </c>
      <c r="J63" s="19">
        <v>11</v>
      </c>
      <c r="K63" s="19">
        <v>43</v>
      </c>
    </row>
    <row r="64" spans="1:11" ht="15" customHeight="1">
      <c r="A64" s="17" t="s">
        <v>125</v>
      </c>
      <c r="B64" s="17"/>
      <c r="C64" s="13">
        <v>4117</v>
      </c>
      <c r="D64" s="19">
        <v>1942</v>
      </c>
      <c r="E64" s="19">
        <v>2175</v>
      </c>
      <c r="F64" s="19"/>
      <c r="G64" s="18" t="s">
        <v>126</v>
      </c>
      <c r="H64" s="17"/>
      <c r="I64" s="13">
        <v>48</v>
      </c>
      <c r="J64" s="19">
        <v>9</v>
      </c>
      <c r="K64" s="19">
        <v>3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83</v>
      </c>
      <c r="J65" s="19">
        <v>9</v>
      </c>
      <c r="K65" s="19">
        <v>7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597</v>
      </c>
      <c r="J66" s="29">
        <v>2545</v>
      </c>
      <c r="K66" s="29">
        <v>405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0857</v>
      </c>
      <c r="D4" s="14">
        <v>87498</v>
      </c>
      <c r="E4" s="14">
        <v>9335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717</v>
      </c>
      <c r="D5" s="14">
        <v>3447</v>
      </c>
      <c r="E5" s="14">
        <v>3270</v>
      </c>
      <c r="F5" s="14"/>
      <c r="G5" s="18" t="s">
        <v>8</v>
      </c>
      <c r="H5" s="17"/>
      <c r="I5" s="13">
        <v>14312</v>
      </c>
      <c r="J5" s="14">
        <v>7042</v>
      </c>
      <c r="K5" s="14">
        <v>7270</v>
      </c>
    </row>
    <row r="6" spans="1:11" ht="15" customHeight="1">
      <c r="A6" s="17" t="s">
        <v>9</v>
      </c>
      <c r="B6" s="17"/>
      <c r="C6" s="13">
        <v>1209</v>
      </c>
      <c r="D6" s="19">
        <v>609</v>
      </c>
      <c r="E6" s="19">
        <v>600</v>
      </c>
      <c r="F6" s="19"/>
      <c r="G6" s="18" t="s">
        <v>10</v>
      </c>
      <c r="H6" s="17"/>
      <c r="I6" s="13">
        <v>3009</v>
      </c>
      <c r="J6" s="19">
        <v>1452</v>
      </c>
      <c r="K6" s="19">
        <v>1557</v>
      </c>
    </row>
    <row r="7" spans="1:11" ht="15" customHeight="1">
      <c r="A7" s="17" t="s">
        <v>11</v>
      </c>
      <c r="B7" s="17"/>
      <c r="C7" s="13">
        <v>1316</v>
      </c>
      <c r="D7" s="19">
        <v>714</v>
      </c>
      <c r="E7" s="19">
        <v>602</v>
      </c>
      <c r="F7" s="19"/>
      <c r="G7" s="18" t="s">
        <v>12</v>
      </c>
      <c r="H7" s="17"/>
      <c r="I7" s="13">
        <v>3042</v>
      </c>
      <c r="J7" s="19">
        <v>1493</v>
      </c>
      <c r="K7" s="19">
        <v>1549</v>
      </c>
    </row>
    <row r="8" spans="1:11" ht="15" customHeight="1">
      <c r="A8" s="17" t="s">
        <v>13</v>
      </c>
      <c r="B8" s="17"/>
      <c r="C8" s="13">
        <v>1360</v>
      </c>
      <c r="D8" s="19">
        <v>665</v>
      </c>
      <c r="E8" s="19">
        <v>695</v>
      </c>
      <c r="F8" s="19"/>
      <c r="G8" s="18" t="s">
        <v>14</v>
      </c>
      <c r="H8" s="17"/>
      <c r="I8" s="13">
        <v>2990</v>
      </c>
      <c r="J8" s="19">
        <v>1490</v>
      </c>
      <c r="K8" s="19">
        <v>1500</v>
      </c>
    </row>
    <row r="9" spans="1:11" ht="15" customHeight="1">
      <c r="A9" s="17" t="s">
        <v>15</v>
      </c>
      <c r="B9" s="17"/>
      <c r="C9" s="13">
        <v>1344</v>
      </c>
      <c r="D9" s="19">
        <v>690</v>
      </c>
      <c r="E9" s="19">
        <v>654</v>
      </c>
      <c r="F9" s="19"/>
      <c r="G9" s="18" t="s">
        <v>16</v>
      </c>
      <c r="H9" s="17"/>
      <c r="I9" s="13">
        <v>3050</v>
      </c>
      <c r="J9" s="19">
        <v>1489</v>
      </c>
      <c r="K9" s="19">
        <v>1561</v>
      </c>
    </row>
    <row r="10" spans="1:11" ht="15" customHeight="1">
      <c r="A10" s="17" t="s">
        <v>17</v>
      </c>
      <c r="B10" s="17"/>
      <c r="C10" s="13">
        <v>1488</v>
      </c>
      <c r="D10" s="19">
        <v>769</v>
      </c>
      <c r="E10" s="19">
        <v>719</v>
      </c>
      <c r="F10" s="19"/>
      <c r="G10" s="18" t="s">
        <v>18</v>
      </c>
      <c r="H10" s="17"/>
      <c r="I10" s="13">
        <v>2221</v>
      </c>
      <c r="J10" s="19">
        <v>1118</v>
      </c>
      <c r="K10" s="19">
        <v>1103</v>
      </c>
    </row>
    <row r="11" spans="1:11" ht="20.100000000000001" customHeight="1">
      <c r="A11" s="17" t="s">
        <v>19</v>
      </c>
      <c r="B11" s="17"/>
      <c r="C11" s="13">
        <v>7903</v>
      </c>
      <c r="D11" s="14">
        <v>4091</v>
      </c>
      <c r="E11" s="14">
        <v>3812</v>
      </c>
      <c r="F11" s="14"/>
      <c r="G11" s="18" t="s">
        <v>20</v>
      </c>
      <c r="H11" s="17"/>
      <c r="I11" s="13">
        <v>12151</v>
      </c>
      <c r="J11" s="14">
        <v>6147</v>
      </c>
      <c r="K11" s="14">
        <v>6004</v>
      </c>
    </row>
    <row r="12" spans="1:11" ht="15" customHeight="1">
      <c r="A12" s="17" t="s">
        <v>21</v>
      </c>
      <c r="B12" s="17"/>
      <c r="C12" s="13">
        <v>1500</v>
      </c>
      <c r="D12" s="19">
        <v>760</v>
      </c>
      <c r="E12" s="19">
        <v>740</v>
      </c>
      <c r="F12" s="19"/>
      <c r="G12" s="18" t="s">
        <v>22</v>
      </c>
      <c r="H12" s="17"/>
      <c r="I12" s="13">
        <v>2813</v>
      </c>
      <c r="J12" s="19">
        <v>1460</v>
      </c>
      <c r="K12" s="19">
        <v>1353</v>
      </c>
    </row>
    <row r="13" spans="1:11" ht="15" customHeight="1">
      <c r="A13" s="17" t="s">
        <v>23</v>
      </c>
      <c r="B13" s="17"/>
      <c r="C13" s="13">
        <v>1580</v>
      </c>
      <c r="D13" s="19">
        <v>810</v>
      </c>
      <c r="E13" s="19">
        <v>770</v>
      </c>
      <c r="F13" s="19"/>
      <c r="G13" s="18" t="s">
        <v>24</v>
      </c>
      <c r="H13" s="17"/>
      <c r="I13" s="13">
        <v>2558</v>
      </c>
      <c r="J13" s="19">
        <v>1293</v>
      </c>
      <c r="K13" s="19">
        <v>1265</v>
      </c>
    </row>
    <row r="14" spans="1:11" ht="15" customHeight="1">
      <c r="A14" s="17" t="s">
        <v>25</v>
      </c>
      <c r="B14" s="17"/>
      <c r="C14" s="13">
        <v>1543</v>
      </c>
      <c r="D14" s="19">
        <v>836</v>
      </c>
      <c r="E14" s="19">
        <v>707</v>
      </c>
      <c r="F14" s="19"/>
      <c r="G14" s="18" t="s">
        <v>26</v>
      </c>
      <c r="H14" s="17"/>
      <c r="I14" s="13">
        <v>2436</v>
      </c>
      <c r="J14" s="19">
        <v>1221</v>
      </c>
      <c r="K14" s="19">
        <v>1215</v>
      </c>
    </row>
    <row r="15" spans="1:11" ht="15" customHeight="1">
      <c r="A15" s="17" t="s">
        <v>27</v>
      </c>
      <c r="B15" s="17"/>
      <c r="C15" s="13">
        <v>1609</v>
      </c>
      <c r="D15" s="19">
        <v>808</v>
      </c>
      <c r="E15" s="19">
        <v>801</v>
      </c>
      <c r="F15" s="19"/>
      <c r="G15" s="18" t="s">
        <v>28</v>
      </c>
      <c r="H15" s="17"/>
      <c r="I15" s="13">
        <v>2237</v>
      </c>
      <c r="J15" s="19">
        <v>1138</v>
      </c>
      <c r="K15" s="19">
        <v>1099</v>
      </c>
    </row>
    <row r="16" spans="1:11" ht="15" customHeight="1">
      <c r="A16" s="17" t="s">
        <v>29</v>
      </c>
      <c r="B16" s="17"/>
      <c r="C16" s="13">
        <v>1671</v>
      </c>
      <c r="D16" s="19">
        <v>877</v>
      </c>
      <c r="E16" s="19">
        <v>794</v>
      </c>
      <c r="F16" s="19"/>
      <c r="G16" s="18" t="s">
        <v>30</v>
      </c>
      <c r="H16" s="17"/>
      <c r="I16" s="13">
        <v>2107</v>
      </c>
      <c r="J16" s="19">
        <v>1035</v>
      </c>
      <c r="K16" s="19">
        <v>1072</v>
      </c>
    </row>
    <row r="17" spans="1:11" ht="20.100000000000001" customHeight="1">
      <c r="A17" s="20" t="s">
        <v>31</v>
      </c>
      <c r="B17" s="20"/>
      <c r="C17" s="13">
        <v>8334</v>
      </c>
      <c r="D17" s="14">
        <v>4236</v>
      </c>
      <c r="E17" s="14">
        <v>4098</v>
      </c>
      <c r="F17" s="14"/>
      <c r="G17" s="18" t="s">
        <v>32</v>
      </c>
      <c r="H17" s="17"/>
      <c r="I17" s="13">
        <v>9663</v>
      </c>
      <c r="J17" s="14">
        <v>4791</v>
      </c>
      <c r="K17" s="14">
        <v>4872</v>
      </c>
    </row>
    <row r="18" spans="1:11" ht="15" customHeight="1">
      <c r="A18" s="17" t="s">
        <v>33</v>
      </c>
      <c r="B18" s="17"/>
      <c r="C18" s="13">
        <v>1660</v>
      </c>
      <c r="D18" s="19">
        <v>856</v>
      </c>
      <c r="E18" s="19">
        <v>804</v>
      </c>
      <c r="F18" s="19"/>
      <c r="G18" s="18" t="s">
        <v>34</v>
      </c>
      <c r="H18" s="17"/>
      <c r="I18" s="13">
        <v>2029</v>
      </c>
      <c r="J18" s="19">
        <v>1019</v>
      </c>
      <c r="K18" s="19">
        <v>1010</v>
      </c>
    </row>
    <row r="19" spans="1:11" ht="15" customHeight="1">
      <c r="A19" s="17" t="s">
        <v>35</v>
      </c>
      <c r="B19" s="17"/>
      <c r="C19" s="13">
        <v>1688</v>
      </c>
      <c r="D19" s="19">
        <v>883</v>
      </c>
      <c r="E19" s="19">
        <v>805</v>
      </c>
      <c r="F19" s="19"/>
      <c r="G19" s="18" t="s">
        <v>36</v>
      </c>
      <c r="H19" s="17"/>
      <c r="I19" s="13">
        <v>2027</v>
      </c>
      <c r="J19" s="19">
        <v>996</v>
      </c>
      <c r="K19" s="19">
        <v>1031</v>
      </c>
    </row>
    <row r="20" spans="1:11" ht="15" customHeight="1">
      <c r="A20" s="17" t="s">
        <v>37</v>
      </c>
      <c r="B20" s="17"/>
      <c r="C20" s="13">
        <v>1641</v>
      </c>
      <c r="D20" s="19">
        <v>811</v>
      </c>
      <c r="E20" s="19">
        <v>830</v>
      </c>
      <c r="F20" s="19"/>
      <c r="G20" s="18" t="s">
        <v>38</v>
      </c>
      <c r="H20" s="17"/>
      <c r="I20" s="13">
        <v>1952</v>
      </c>
      <c r="J20" s="19">
        <v>983</v>
      </c>
      <c r="K20" s="19">
        <v>969</v>
      </c>
    </row>
    <row r="21" spans="1:11" ht="15" customHeight="1">
      <c r="A21" s="17" t="s">
        <v>39</v>
      </c>
      <c r="B21" s="17"/>
      <c r="C21" s="13">
        <v>1654</v>
      </c>
      <c r="D21" s="19">
        <v>845</v>
      </c>
      <c r="E21" s="19">
        <v>809</v>
      </c>
      <c r="F21" s="19"/>
      <c r="G21" s="18" t="s">
        <v>40</v>
      </c>
      <c r="H21" s="17"/>
      <c r="I21" s="13">
        <v>1793</v>
      </c>
      <c r="J21" s="19">
        <v>860</v>
      </c>
      <c r="K21" s="19">
        <v>933</v>
      </c>
    </row>
    <row r="22" spans="1:11" ht="15" customHeight="1">
      <c r="A22" s="17" t="s">
        <v>41</v>
      </c>
      <c r="B22" s="17"/>
      <c r="C22" s="13">
        <v>1691</v>
      </c>
      <c r="D22" s="19">
        <v>841</v>
      </c>
      <c r="E22" s="19">
        <v>850</v>
      </c>
      <c r="F22" s="19"/>
      <c r="G22" s="18" t="s">
        <v>42</v>
      </c>
      <c r="H22" s="17"/>
      <c r="I22" s="13">
        <v>1862</v>
      </c>
      <c r="J22" s="19">
        <v>933</v>
      </c>
      <c r="K22" s="19">
        <v>929</v>
      </c>
    </row>
    <row r="23" spans="1:11" ht="20.100000000000001" customHeight="1">
      <c r="A23" s="17" t="s">
        <v>43</v>
      </c>
      <c r="B23" s="17"/>
      <c r="C23" s="13">
        <v>8500</v>
      </c>
      <c r="D23" s="14">
        <v>4204</v>
      </c>
      <c r="E23" s="14">
        <v>4296</v>
      </c>
      <c r="F23" s="14"/>
      <c r="G23" s="18" t="s">
        <v>44</v>
      </c>
      <c r="H23" s="17"/>
      <c r="I23" s="13">
        <v>8981</v>
      </c>
      <c r="J23" s="14">
        <v>4273</v>
      </c>
      <c r="K23" s="14">
        <v>4708</v>
      </c>
    </row>
    <row r="24" spans="1:11" ht="15" customHeight="1">
      <c r="A24" s="17" t="s">
        <v>45</v>
      </c>
      <c r="B24" s="17"/>
      <c r="C24" s="13">
        <v>1556</v>
      </c>
      <c r="D24" s="19">
        <v>815</v>
      </c>
      <c r="E24" s="19">
        <v>741</v>
      </c>
      <c r="F24" s="19"/>
      <c r="G24" s="18" t="s">
        <v>46</v>
      </c>
      <c r="H24" s="17"/>
      <c r="I24" s="13">
        <v>1776</v>
      </c>
      <c r="J24" s="19">
        <v>844</v>
      </c>
      <c r="K24" s="19">
        <v>932</v>
      </c>
    </row>
    <row r="25" spans="1:11" ht="15" customHeight="1">
      <c r="A25" s="17" t="s">
        <v>47</v>
      </c>
      <c r="B25" s="17"/>
      <c r="C25" s="13">
        <v>1613</v>
      </c>
      <c r="D25" s="19">
        <v>804</v>
      </c>
      <c r="E25" s="19">
        <v>809</v>
      </c>
      <c r="F25" s="19"/>
      <c r="G25" s="18" t="s">
        <v>48</v>
      </c>
      <c r="H25" s="17"/>
      <c r="I25" s="13">
        <v>1699</v>
      </c>
      <c r="J25" s="19">
        <v>843</v>
      </c>
      <c r="K25" s="19">
        <v>856</v>
      </c>
    </row>
    <row r="26" spans="1:11" ht="15" customHeight="1">
      <c r="A26" s="17" t="s">
        <v>49</v>
      </c>
      <c r="B26" s="17"/>
      <c r="C26" s="13">
        <v>1633</v>
      </c>
      <c r="D26" s="19">
        <v>799</v>
      </c>
      <c r="E26" s="19">
        <v>834</v>
      </c>
      <c r="F26" s="19"/>
      <c r="G26" s="18" t="s">
        <v>50</v>
      </c>
      <c r="H26" s="17"/>
      <c r="I26" s="13">
        <v>1721</v>
      </c>
      <c r="J26" s="19">
        <v>813</v>
      </c>
      <c r="K26" s="19">
        <v>908</v>
      </c>
    </row>
    <row r="27" spans="1:11" ht="15" customHeight="1">
      <c r="A27" s="17" t="s">
        <v>51</v>
      </c>
      <c r="B27" s="17"/>
      <c r="C27" s="13">
        <v>1735</v>
      </c>
      <c r="D27" s="19">
        <v>836</v>
      </c>
      <c r="E27" s="19">
        <v>899</v>
      </c>
      <c r="F27" s="19"/>
      <c r="G27" s="18" t="s">
        <v>52</v>
      </c>
      <c r="H27" s="17"/>
      <c r="I27" s="13">
        <v>1922</v>
      </c>
      <c r="J27" s="19">
        <v>926</v>
      </c>
      <c r="K27" s="19">
        <v>996</v>
      </c>
    </row>
    <row r="28" spans="1:11" ht="15" customHeight="1">
      <c r="A28" s="17" t="s">
        <v>53</v>
      </c>
      <c r="B28" s="17"/>
      <c r="C28" s="13">
        <v>1963</v>
      </c>
      <c r="D28" s="19">
        <v>950</v>
      </c>
      <c r="E28" s="19">
        <v>1013</v>
      </c>
      <c r="F28" s="19"/>
      <c r="G28" s="18" t="s">
        <v>54</v>
      </c>
      <c r="H28" s="17"/>
      <c r="I28" s="13">
        <v>1863</v>
      </c>
      <c r="J28" s="19">
        <v>847</v>
      </c>
      <c r="K28" s="19">
        <v>1016</v>
      </c>
    </row>
    <row r="29" spans="1:11" ht="20.100000000000001" customHeight="1">
      <c r="A29" s="17" t="s">
        <v>55</v>
      </c>
      <c r="B29" s="17"/>
      <c r="C29" s="13">
        <v>10541</v>
      </c>
      <c r="D29" s="14">
        <v>4961</v>
      </c>
      <c r="E29" s="14">
        <v>5580</v>
      </c>
      <c r="F29" s="14"/>
      <c r="G29" s="18" t="s">
        <v>56</v>
      </c>
      <c r="H29" s="17"/>
      <c r="I29" s="13">
        <v>10863</v>
      </c>
      <c r="J29" s="14">
        <v>4996</v>
      </c>
      <c r="K29" s="14">
        <v>5867</v>
      </c>
    </row>
    <row r="30" spans="1:11" ht="15" customHeight="1">
      <c r="A30" s="17" t="s">
        <v>57</v>
      </c>
      <c r="B30" s="17"/>
      <c r="C30" s="13">
        <v>2071</v>
      </c>
      <c r="D30" s="19">
        <v>1023</v>
      </c>
      <c r="E30" s="19">
        <v>1048</v>
      </c>
      <c r="F30" s="19"/>
      <c r="G30" s="18" t="s">
        <v>58</v>
      </c>
      <c r="H30" s="17"/>
      <c r="I30" s="13">
        <v>2022</v>
      </c>
      <c r="J30" s="19">
        <v>926</v>
      </c>
      <c r="K30" s="19">
        <v>1096</v>
      </c>
    </row>
    <row r="31" spans="1:11" ht="15" customHeight="1">
      <c r="A31" s="17" t="s">
        <v>59</v>
      </c>
      <c r="B31" s="17"/>
      <c r="C31" s="13">
        <v>2129</v>
      </c>
      <c r="D31" s="19">
        <v>967</v>
      </c>
      <c r="E31" s="19">
        <v>1162</v>
      </c>
      <c r="F31" s="19"/>
      <c r="G31" s="18" t="s">
        <v>60</v>
      </c>
      <c r="H31" s="17"/>
      <c r="I31" s="13">
        <v>2362</v>
      </c>
      <c r="J31" s="19">
        <v>1067</v>
      </c>
      <c r="K31" s="19">
        <v>1295</v>
      </c>
    </row>
    <row r="32" spans="1:11" ht="15" customHeight="1">
      <c r="A32" s="17" t="s">
        <v>61</v>
      </c>
      <c r="B32" s="17"/>
      <c r="C32" s="13">
        <v>2232</v>
      </c>
      <c r="D32" s="19">
        <v>1042</v>
      </c>
      <c r="E32" s="19">
        <v>1190</v>
      </c>
      <c r="F32" s="19"/>
      <c r="G32" s="18" t="s">
        <v>62</v>
      </c>
      <c r="H32" s="17"/>
      <c r="I32" s="13">
        <v>2455</v>
      </c>
      <c r="J32" s="19">
        <v>1178</v>
      </c>
      <c r="K32" s="19">
        <v>1277</v>
      </c>
    </row>
    <row r="33" spans="1:11" ht="15" customHeight="1">
      <c r="A33" s="17" t="s">
        <v>63</v>
      </c>
      <c r="B33" s="17"/>
      <c r="C33" s="13">
        <v>2096</v>
      </c>
      <c r="D33" s="19">
        <v>986</v>
      </c>
      <c r="E33" s="19">
        <v>1110</v>
      </c>
      <c r="F33" s="19"/>
      <c r="G33" s="18" t="s">
        <v>64</v>
      </c>
      <c r="H33" s="17"/>
      <c r="I33" s="13">
        <v>2341</v>
      </c>
      <c r="J33" s="19">
        <v>1059</v>
      </c>
      <c r="K33" s="19">
        <v>1282</v>
      </c>
    </row>
    <row r="34" spans="1:11" ht="15" customHeight="1">
      <c r="A34" s="17" t="s">
        <v>65</v>
      </c>
      <c r="B34" s="17"/>
      <c r="C34" s="13">
        <v>2013</v>
      </c>
      <c r="D34" s="19">
        <v>943</v>
      </c>
      <c r="E34" s="19">
        <v>1070</v>
      </c>
      <c r="F34" s="19"/>
      <c r="G34" s="18" t="s">
        <v>66</v>
      </c>
      <c r="H34" s="17"/>
      <c r="I34" s="13">
        <v>1683</v>
      </c>
      <c r="J34" s="19">
        <v>766</v>
      </c>
      <c r="K34" s="19">
        <v>917</v>
      </c>
    </row>
    <row r="35" spans="1:11" ht="20.100000000000001" customHeight="1">
      <c r="A35" s="17" t="s">
        <v>67</v>
      </c>
      <c r="B35" s="17"/>
      <c r="C35" s="13">
        <v>9055</v>
      </c>
      <c r="D35" s="14">
        <v>4364</v>
      </c>
      <c r="E35" s="14">
        <v>4691</v>
      </c>
      <c r="F35" s="14"/>
      <c r="G35" s="18" t="s">
        <v>68</v>
      </c>
      <c r="H35" s="17"/>
      <c r="I35" s="13">
        <v>8546</v>
      </c>
      <c r="J35" s="14">
        <v>3875</v>
      </c>
      <c r="K35" s="14">
        <v>4671</v>
      </c>
    </row>
    <row r="36" spans="1:11" ht="15" customHeight="1">
      <c r="A36" s="17" t="s">
        <v>69</v>
      </c>
      <c r="B36" s="17"/>
      <c r="C36" s="13">
        <v>1926</v>
      </c>
      <c r="D36" s="19">
        <v>949</v>
      </c>
      <c r="E36" s="19">
        <v>977</v>
      </c>
      <c r="F36" s="19"/>
      <c r="G36" s="18" t="s">
        <v>70</v>
      </c>
      <c r="H36" s="17"/>
      <c r="I36" s="13">
        <v>1467</v>
      </c>
      <c r="J36" s="19">
        <v>664</v>
      </c>
      <c r="K36" s="19">
        <v>803</v>
      </c>
    </row>
    <row r="37" spans="1:11" ht="15" customHeight="1">
      <c r="A37" s="17" t="s">
        <v>71</v>
      </c>
      <c r="B37" s="17"/>
      <c r="C37" s="13">
        <v>1887</v>
      </c>
      <c r="D37" s="19">
        <v>892</v>
      </c>
      <c r="E37" s="19">
        <v>995</v>
      </c>
      <c r="F37" s="19"/>
      <c r="G37" s="18" t="s">
        <v>72</v>
      </c>
      <c r="H37" s="17"/>
      <c r="I37" s="13">
        <v>1767</v>
      </c>
      <c r="J37" s="19">
        <v>798</v>
      </c>
      <c r="K37" s="19">
        <v>969</v>
      </c>
    </row>
    <row r="38" spans="1:11" ht="15" customHeight="1">
      <c r="A38" s="17" t="s">
        <v>73</v>
      </c>
      <c r="B38" s="17"/>
      <c r="C38" s="13">
        <v>1722</v>
      </c>
      <c r="D38" s="19">
        <v>836</v>
      </c>
      <c r="E38" s="19">
        <v>886</v>
      </c>
      <c r="F38" s="19"/>
      <c r="G38" s="18" t="s">
        <v>74</v>
      </c>
      <c r="H38" s="17"/>
      <c r="I38" s="13">
        <v>1837</v>
      </c>
      <c r="J38" s="19">
        <v>844</v>
      </c>
      <c r="K38" s="19">
        <v>993</v>
      </c>
    </row>
    <row r="39" spans="1:11" ht="15" customHeight="1">
      <c r="A39" s="17" t="s">
        <v>75</v>
      </c>
      <c r="B39" s="17"/>
      <c r="C39" s="13">
        <v>1736</v>
      </c>
      <c r="D39" s="19">
        <v>820</v>
      </c>
      <c r="E39" s="19">
        <v>916</v>
      </c>
      <c r="F39" s="19"/>
      <c r="G39" s="18" t="s">
        <v>76</v>
      </c>
      <c r="H39" s="17"/>
      <c r="I39" s="13">
        <v>1714</v>
      </c>
      <c r="J39" s="19">
        <v>753</v>
      </c>
      <c r="K39" s="19">
        <v>961</v>
      </c>
    </row>
    <row r="40" spans="1:11" ht="15" customHeight="1">
      <c r="A40" s="17" t="s">
        <v>77</v>
      </c>
      <c r="B40" s="17"/>
      <c r="C40" s="13">
        <v>1784</v>
      </c>
      <c r="D40" s="19">
        <v>867</v>
      </c>
      <c r="E40" s="19">
        <v>917</v>
      </c>
      <c r="F40" s="19"/>
      <c r="G40" s="18" t="s">
        <v>78</v>
      </c>
      <c r="H40" s="17"/>
      <c r="I40" s="13">
        <v>1761</v>
      </c>
      <c r="J40" s="19">
        <v>816</v>
      </c>
      <c r="K40" s="19">
        <v>945</v>
      </c>
    </row>
    <row r="41" spans="1:11" ht="20.100000000000001" customHeight="1">
      <c r="A41" s="17" t="s">
        <v>79</v>
      </c>
      <c r="B41" s="17"/>
      <c r="C41" s="13">
        <v>9008</v>
      </c>
      <c r="D41" s="14">
        <v>4478</v>
      </c>
      <c r="E41" s="14">
        <v>4530</v>
      </c>
      <c r="F41" s="14"/>
      <c r="G41" s="18" t="s">
        <v>80</v>
      </c>
      <c r="H41" s="17"/>
      <c r="I41" s="13">
        <v>6588</v>
      </c>
      <c r="J41" s="14">
        <v>2903</v>
      </c>
      <c r="K41" s="14">
        <v>3685</v>
      </c>
    </row>
    <row r="42" spans="1:11" ht="15" customHeight="1">
      <c r="A42" s="17" t="s">
        <v>81</v>
      </c>
      <c r="B42" s="17"/>
      <c r="C42" s="13">
        <v>1742</v>
      </c>
      <c r="D42" s="19">
        <v>830</v>
      </c>
      <c r="E42" s="19">
        <v>912</v>
      </c>
      <c r="F42" s="19"/>
      <c r="G42" s="18" t="s">
        <v>82</v>
      </c>
      <c r="H42" s="17"/>
      <c r="I42" s="13">
        <v>1489</v>
      </c>
      <c r="J42" s="19">
        <v>682</v>
      </c>
      <c r="K42" s="19">
        <v>807</v>
      </c>
    </row>
    <row r="43" spans="1:11" ht="15" customHeight="1">
      <c r="A43" s="17" t="s">
        <v>83</v>
      </c>
      <c r="B43" s="17"/>
      <c r="C43" s="13">
        <v>1836</v>
      </c>
      <c r="D43" s="19">
        <v>892</v>
      </c>
      <c r="E43" s="19">
        <v>944</v>
      </c>
      <c r="F43" s="19"/>
      <c r="G43" s="18" t="s">
        <v>84</v>
      </c>
      <c r="H43" s="17"/>
      <c r="I43" s="13">
        <v>1323</v>
      </c>
      <c r="J43" s="19">
        <v>583</v>
      </c>
      <c r="K43" s="19">
        <v>740</v>
      </c>
    </row>
    <row r="44" spans="1:11" ht="15" customHeight="1">
      <c r="A44" s="17" t="s">
        <v>85</v>
      </c>
      <c r="B44" s="17"/>
      <c r="C44" s="13">
        <v>1762</v>
      </c>
      <c r="D44" s="19">
        <v>874</v>
      </c>
      <c r="E44" s="19">
        <v>888</v>
      </c>
      <c r="F44" s="19"/>
      <c r="G44" s="18" t="s">
        <v>86</v>
      </c>
      <c r="H44" s="17"/>
      <c r="I44" s="13">
        <v>1262</v>
      </c>
      <c r="J44" s="19">
        <v>569</v>
      </c>
      <c r="K44" s="19">
        <v>693</v>
      </c>
    </row>
    <row r="45" spans="1:11" ht="15" customHeight="1">
      <c r="A45" s="17" t="s">
        <v>87</v>
      </c>
      <c r="B45" s="17"/>
      <c r="C45" s="13">
        <v>1818</v>
      </c>
      <c r="D45" s="19">
        <v>919</v>
      </c>
      <c r="E45" s="19">
        <v>899</v>
      </c>
      <c r="F45" s="19"/>
      <c r="G45" s="18" t="s">
        <v>88</v>
      </c>
      <c r="H45" s="17"/>
      <c r="I45" s="13">
        <v>1327</v>
      </c>
      <c r="J45" s="19">
        <v>580</v>
      </c>
      <c r="K45" s="19">
        <v>747</v>
      </c>
    </row>
    <row r="46" spans="1:11" ht="15" customHeight="1">
      <c r="A46" s="17" t="s">
        <v>89</v>
      </c>
      <c r="B46" s="17"/>
      <c r="C46" s="13">
        <v>1850</v>
      </c>
      <c r="D46" s="19">
        <v>963</v>
      </c>
      <c r="E46" s="19">
        <v>887</v>
      </c>
      <c r="F46" s="19"/>
      <c r="G46" s="18" t="s">
        <v>90</v>
      </c>
      <c r="H46" s="17"/>
      <c r="I46" s="13">
        <v>1187</v>
      </c>
      <c r="J46" s="19">
        <v>489</v>
      </c>
      <c r="K46" s="19">
        <v>698</v>
      </c>
    </row>
    <row r="47" spans="1:11" ht="20.100000000000001" customHeight="1">
      <c r="A47" s="17" t="s">
        <v>91</v>
      </c>
      <c r="B47" s="17"/>
      <c r="C47" s="13">
        <v>10535</v>
      </c>
      <c r="D47" s="14">
        <v>5214</v>
      </c>
      <c r="E47" s="14">
        <v>5321</v>
      </c>
      <c r="F47" s="14"/>
      <c r="G47" s="18" t="s">
        <v>92</v>
      </c>
      <c r="H47" s="17"/>
      <c r="I47" s="13">
        <v>4714</v>
      </c>
      <c r="J47" s="14">
        <v>1761</v>
      </c>
      <c r="K47" s="14">
        <v>2953</v>
      </c>
    </row>
    <row r="48" spans="1:11" ht="15" customHeight="1">
      <c r="A48" s="17" t="s">
        <v>93</v>
      </c>
      <c r="B48" s="17"/>
      <c r="C48" s="13">
        <v>1950</v>
      </c>
      <c r="D48" s="19">
        <v>955</v>
      </c>
      <c r="E48" s="19">
        <v>995</v>
      </c>
      <c r="F48" s="19"/>
      <c r="G48" s="18" t="s">
        <v>94</v>
      </c>
      <c r="H48" s="17"/>
      <c r="I48" s="13">
        <v>1153</v>
      </c>
      <c r="J48" s="19">
        <v>447</v>
      </c>
      <c r="K48" s="19">
        <v>706</v>
      </c>
    </row>
    <row r="49" spans="1:11" ht="15" customHeight="1">
      <c r="A49" s="17" t="s">
        <v>95</v>
      </c>
      <c r="B49" s="17"/>
      <c r="C49" s="13">
        <v>2090</v>
      </c>
      <c r="D49" s="19">
        <v>1051</v>
      </c>
      <c r="E49" s="19">
        <v>1039</v>
      </c>
      <c r="F49" s="19"/>
      <c r="G49" s="18" t="s">
        <v>96</v>
      </c>
      <c r="H49" s="17"/>
      <c r="I49" s="13">
        <v>940</v>
      </c>
      <c r="J49" s="19">
        <v>358</v>
      </c>
      <c r="K49" s="19">
        <v>582</v>
      </c>
    </row>
    <row r="50" spans="1:11" ht="15" customHeight="1">
      <c r="A50" s="17" t="s">
        <v>97</v>
      </c>
      <c r="B50" s="17"/>
      <c r="C50" s="13">
        <v>2168</v>
      </c>
      <c r="D50" s="19">
        <v>1037</v>
      </c>
      <c r="E50" s="19">
        <v>1131</v>
      </c>
      <c r="F50" s="19"/>
      <c r="G50" s="18" t="s">
        <v>98</v>
      </c>
      <c r="H50" s="17"/>
      <c r="I50" s="13">
        <v>983</v>
      </c>
      <c r="J50" s="19">
        <v>379</v>
      </c>
      <c r="K50" s="19">
        <v>604</v>
      </c>
    </row>
    <row r="51" spans="1:11" ht="15" customHeight="1">
      <c r="A51" s="17" t="s">
        <v>99</v>
      </c>
      <c r="B51" s="17"/>
      <c r="C51" s="13">
        <v>2146</v>
      </c>
      <c r="D51" s="19">
        <v>1082</v>
      </c>
      <c r="E51" s="19">
        <v>1064</v>
      </c>
      <c r="F51" s="19"/>
      <c r="G51" s="18" t="s">
        <v>100</v>
      </c>
      <c r="H51" s="17"/>
      <c r="I51" s="13">
        <v>867</v>
      </c>
      <c r="J51" s="19">
        <v>309</v>
      </c>
      <c r="K51" s="19">
        <v>558</v>
      </c>
    </row>
    <row r="52" spans="1:11" ht="15" customHeight="1">
      <c r="A52" s="17" t="s">
        <v>101</v>
      </c>
      <c r="B52" s="17"/>
      <c r="C52" s="13">
        <v>2181</v>
      </c>
      <c r="D52" s="19">
        <v>1089</v>
      </c>
      <c r="E52" s="19">
        <v>1092</v>
      </c>
      <c r="F52" s="19"/>
      <c r="G52" s="18" t="s">
        <v>102</v>
      </c>
      <c r="H52" s="17"/>
      <c r="I52" s="13">
        <v>771</v>
      </c>
      <c r="J52" s="19">
        <v>268</v>
      </c>
      <c r="K52" s="19">
        <v>503</v>
      </c>
    </row>
    <row r="53" spans="1:11" ht="20.100000000000001" customHeight="1">
      <c r="A53" s="17" t="s">
        <v>103</v>
      </c>
      <c r="B53" s="17"/>
      <c r="C53" s="13">
        <v>12444</v>
      </c>
      <c r="D53" s="14">
        <v>6136</v>
      </c>
      <c r="E53" s="14">
        <v>6308</v>
      </c>
      <c r="F53" s="14"/>
      <c r="G53" s="18" t="s">
        <v>104</v>
      </c>
      <c r="H53" s="17"/>
      <c r="I53" s="13">
        <v>2294</v>
      </c>
      <c r="J53" s="14">
        <v>697</v>
      </c>
      <c r="K53" s="14">
        <v>1597</v>
      </c>
    </row>
    <row r="54" spans="1:11" ht="15" customHeight="1">
      <c r="A54" s="17" t="s">
        <v>105</v>
      </c>
      <c r="B54" s="17"/>
      <c r="C54" s="13">
        <v>2202</v>
      </c>
      <c r="D54" s="19">
        <v>1100</v>
      </c>
      <c r="E54" s="19">
        <v>1102</v>
      </c>
      <c r="F54" s="19"/>
      <c r="G54" s="18" t="s">
        <v>106</v>
      </c>
      <c r="H54" s="17"/>
      <c r="I54" s="13">
        <v>650</v>
      </c>
      <c r="J54" s="19">
        <v>202</v>
      </c>
      <c r="K54" s="19">
        <v>448</v>
      </c>
    </row>
    <row r="55" spans="1:11" ht="15" customHeight="1">
      <c r="A55" s="17" t="s">
        <v>107</v>
      </c>
      <c r="B55" s="17"/>
      <c r="C55" s="13">
        <v>2408</v>
      </c>
      <c r="D55" s="19">
        <v>1189</v>
      </c>
      <c r="E55" s="19">
        <v>1219</v>
      </c>
      <c r="F55" s="19"/>
      <c r="G55" s="18" t="s">
        <v>108</v>
      </c>
      <c r="H55" s="17"/>
      <c r="I55" s="13">
        <v>554</v>
      </c>
      <c r="J55" s="19">
        <v>182</v>
      </c>
      <c r="K55" s="19">
        <v>372</v>
      </c>
    </row>
    <row r="56" spans="1:11" ht="15" customHeight="1">
      <c r="A56" s="17" t="s">
        <v>109</v>
      </c>
      <c r="B56" s="17"/>
      <c r="C56" s="13">
        <v>2556</v>
      </c>
      <c r="D56" s="19">
        <v>1251</v>
      </c>
      <c r="E56" s="19">
        <v>1305</v>
      </c>
      <c r="F56" s="19"/>
      <c r="G56" s="18" t="s">
        <v>110</v>
      </c>
      <c r="H56" s="17"/>
      <c r="I56" s="13">
        <v>481</v>
      </c>
      <c r="J56" s="19">
        <v>133</v>
      </c>
      <c r="K56" s="19">
        <v>348</v>
      </c>
    </row>
    <row r="57" spans="1:11" ht="15" customHeight="1">
      <c r="A57" s="17" t="s">
        <v>111</v>
      </c>
      <c r="B57" s="17"/>
      <c r="C57" s="13">
        <v>2639</v>
      </c>
      <c r="D57" s="19">
        <v>1296</v>
      </c>
      <c r="E57" s="19">
        <v>1343</v>
      </c>
      <c r="F57" s="19"/>
      <c r="G57" s="18" t="s">
        <v>112</v>
      </c>
      <c r="H57" s="17"/>
      <c r="I57" s="13">
        <v>344</v>
      </c>
      <c r="J57" s="19">
        <v>90</v>
      </c>
      <c r="K57" s="19">
        <v>254</v>
      </c>
    </row>
    <row r="58" spans="1:11" ht="15" customHeight="1">
      <c r="A58" s="17" t="s">
        <v>113</v>
      </c>
      <c r="B58" s="17"/>
      <c r="C58" s="13">
        <v>2639</v>
      </c>
      <c r="D58" s="19">
        <v>1300</v>
      </c>
      <c r="E58" s="19">
        <v>1339</v>
      </c>
      <c r="F58" s="19"/>
      <c r="G58" s="18" t="s">
        <v>114</v>
      </c>
      <c r="H58" s="17"/>
      <c r="I58" s="13">
        <v>265</v>
      </c>
      <c r="J58" s="19">
        <v>90</v>
      </c>
      <c r="K58" s="19">
        <v>175</v>
      </c>
    </row>
    <row r="59" spans="1:11" ht="20.100000000000001" customHeight="1">
      <c r="A59" s="17" t="s">
        <v>115</v>
      </c>
      <c r="B59" s="17"/>
      <c r="C59" s="13">
        <v>14961</v>
      </c>
      <c r="D59" s="14">
        <v>7263</v>
      </c>
      <c r="E59" s="14">
        <v>7698</v>
      </c>
      <c r="F59" s="14"/>
      <c r="G59" s="18" t="s">
        <v>116</v>
      </c>
      <c r="H59" s="17"/>
      <c r="I59" s="13">
        <v>682</v>
      </c>
      <c r="J59" s="14">
        <v>152</v>
      </c>
      <c r="K59" s="14">
        <v>530</v>
      </c>
    </row>
    <row r="60" spans="1:11" ht="15" customHeight="1">
      <c r="A60" s="17" t="s">
        <v>117</v>
      </c>
      <c r="B60" s="17"/>
      <c r="C60" s="13">
        <v>2840</v>
      </c>
      <c r="D60" s="19">
        <v>1411</v>
      </c>
      <c r="E60" s="19">
        <v>1429</v>
      </c>
      <c r="F60" s="19"/>
      <c r="G60" s="18" t="s">
        <v>118</v>
      </c>
      <c r="H60" s="17"/>
      <c r="I60" s="13">
        <v>212</v>
      </c>
      <c r="J60" s="19">
        <v>64</v>
      </c>
      <c r="K60" s="19">
        <v>148</v>
      </c>
    </row>
    <row r="61" spans="1:11" ht="15" customHeight="1">
      <c r="A61" s="17" t="s">
        <v>119</v>
      </c>
      <c r="B61" s="17"/>
      <c r="C61" s="13">
        <v>2925</v>
      </c>
      <c r="D61" s="19">
        <v>1419</v>
      </c>
      <c r="E61" s="19">
        <v>1506</v>
      </c>
      <c r="F61" s="19"/>
      <c r="G61" s="18" t="s">
        <v>120</v>
      </c>
      <c r="H61" s="17"/>
      <c r="I61" s="13">
        <v>170</v>
      </c>
      <c r="J61" s="19">
        <v>35</v>
      </c>
      <c r="K61" s="19">
        <v>135</v>
      </c>
    </row>
    <row r="62" spans="1:11" ht="15" customHeight="1">
      <c r="A62" s="17" t="s">
        <v>121</v>
      </c>
      <c r="B62" s="17"/>
      <c r="C62" s="13">
        <v>3041</v>
      </c>
      <c r="D62" s="19">
        <v>1497</v>
      </c>
      <c r="E62" s="19">
        <v>1544</v>
      </c>
      <c r="F62" s="19"/>
      <c r="G62" s="18" t="s">
        <v>122</v>
      </c>
      <c r="H62" s="17"/>
      <c r="I62" s="13">
        <v>136</v>
      </c>
      <c r="J62" s="19">
        <v>28</v>
      </c>
      <c r="K62" s="19">
        <v>108</v>
      </c>
    </row>
    <row r="63" spans="1:11" ht="15" customHeight="1">
      <c r="A63" s="17" t="s">
        <v>123</v>
      </c>
      <c r="B63" s="17"/>
      <c r="C63" s="13">
        <v>3111</v>
      </c>
      <c r="D63" s="19">
        <v>1478</v>
      </c>
      <c r="E63" s="19">
        <v>1633</v>
      </c>
      <c r="F63" s="19"/>
      <c r="G63" s="18" t="s">
        <v>124</v>
      </c>
      <c r="H63" s="17"/>
      <c r="I63" s="13">
        <v>94</v>
      </c>
      <c r="J63" s="19">
        <v>20</v>
      </c>
      <c r="K63" s="19">
        <v>74</v>
      </c>
    </row>
    <row r="64" spans="1:11" ht="15" customHeight="1">
      <c r="A64" s="17" t="s">
        <v>125</v>
      </c>
      <c r="B64" s="17"/>
      <c r="C64" s="13">
        <v>3044</v>
      </c>
      <c r="D64" s="19">
        <v>1458</v>
      </c>
      <c r="E64" s="19">
        <v>1586</v>
      </c>
      <c r="F64" s="19"/>
      <c r="G64" s="18" t="s">
        <v>126</v>
      </c>
      <c r="H64" s="17"/>
      <c r="I64" s="13">
        <v>70</v>
      </c>
      <c r="J64" s="19">
        <v>5</v>
      </c>
      <c r="K64" s="19">
        <v>6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3</v>
      </c>
      <c r="J65" s="19">
        <v>19</v>
      </c>
      <c r="K65" s="19">
        <v>9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952</v>
      </c>
      <c r="J66" s="29">
        <v>2448</v>
      </c>
      <c r="K66" s="29">
        <v>150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6" t="s">
        <v>129</v>
      </c>
      <c r="B2" s="6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690758</v>
      </c>
      <c r="D4" s="14">
        <v>336066</v>
      </c>
      <c r="E4" s="14">
        <v>35469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9994</v>
      </c>
      <c r="D5" s="14">
        <v>10270</v>
      </c>
      <c r="E5" s="14">
        <v>9724</v>
      </c>
      <c r="F5" s="14"/>
      <c r="G5" s="18" t="s">
        <v>8</v>
      </c>
      <c r="H5" s="17"/>
      <c r="I5" s="13">
        <v>52699</v>
      </c>
      <c r="J5" s="14">
        <v>26614</v>
      </c>
      <c r="K5" s="14">
        <v>26085</v>
      </c>
    </row>
    <row r="6" spans="1:11" ht="15" customHeight="1">
      <c r="A6" s="17" t="s">
        <v>9</v>
      </c>
      <c r="B6" s="17"/>
      <c r="C6" s="13">
        <v>3438</v>
      </c>
      <c r="D6" s="19">
        <v>1740</v>
      </c>
      <c r="E6" s="19">
        <v>1698</v>
      </c>
      <c r="F6" s="19"/>
      <c r="G6" s="18" t="s">
        <v>10</v>
      </c>
      <c r="H6" s="17"/>
      <c r="I6" s="13">
        <v>11392</v>
      </c>
      <c r="J6" s="19">
        <v>5702</v>
      </c>
      <c r="K6" s="19">
        <v>5690</v>
      </c>
    </row>
    <row r="7" spans="1:11" ht="15" customHeight="1">
      <c r="A7" s="17" t="s">
        <v>11</v>
      </c>
      <c r="B7" s="17"/>
      <c r="C7" s="13">
        <v>3814</v>
      </c>
      <c r="D7" s="19">
        <v>1961</v>
      </c>
      <c r="E7" s="19">
        <v>1853</v>
      </c>
      <c r="F7" s="19"/>
      <c r="G7" s="18" t="s">
        <v>12</v>
      </c>
      <c r="H7" s="17"/>
      <c r="I7" s="13">
        <v>11031</v>
      </c>
      <c r="J7" s="19">
        <v>5594</v>
      </c>
      <c r="K7" s="19">
        <v>5437</v>
      </c>
    </row>
    <row r="8" spans="1:11" ht="15" customHeight="1">
      <c r="A8" s="17" t="s">
        <v>13</v>
      </c>
      <c r="B8" s="17"/>
      <c r="C8" s="13">
        <v>4021</v>
      </c>
      <c r="D8" s="19">
        <v>2055</v>
      </c>
      <c r="E8" s="19">
        <v>1966</v>
      </c>
      <c r="F8" s="19"/>
      <c r="G8" s="18" t="s">
        <v>14</v>
      </c>
      <c r="H8" s="17"/>
      <c r="I8" s="13">
        <v>10939</v>
      </c>
      <c r="J8" s="19">
        <v>5482</v>
      </c>
      <c r="K8" s="19">
        <v>5457</v>
      </c>
    </row>
    <row r="9" spans="1:11" ht="15" customHeight="1">
      <c r="A9" s="17" t="s">
        <v>15</v>
      </c>
      <c r="B9" s="17"/>
      <c r="C9" s="13">
        <v>4122</v>
      </c>
      <c r="D9" s="19">
        <v>2128</v>
      </c>
      <c r="E9" s="19">
        <v>1994</v>
      </c>
      <c r="F9" s="19"/>
      <c r="G9" s="18" t="s">
        <v>16</v>
      </c>
      <c r="H9" s="17"/>
      <c r="I9" s="13">
        <v>11204</v>
      </c>
      <c r="J9" s="19">
        <v>5688</v>
      </c>
      <c r="K9" s="19">
        <v>5516</v>
      </c>
    </row>
    <row r="10" spans="1:11" ht="15" customHeight="1">
      <c r="A10" s="17" t="s">
        <v>17</v>
      </c>
      <c r="B10" s="17"/>
      <c r="C10" s="13">
        <v>4599</v>
      </c>
      <c r="D10" s="19">
        <v>2386</v>
      </c>
      <c r="E10" s="19">
        <v>2213</v>
      </c>
      <c r="F10" s="19"/>
      <c r="G10" s="18" t="s">
        <v>18</v>
      </c>
      <c r="H10" s="17"/>
      <c r="I10" s="13">
        <v>8133</v>
      </c>
      <c r="J10" s="19">
        <v>4148</v>
      </c>
      <c r="K10" s="19">
        <v>3985</v>
      </c>
    </row>
    <row r="11" spans="1:11" ht="20.100000000000001" customHeight="1">
      <c r="A11" s="17" t="s">
        <v>19</v>
      </c>
      <c r="B11" s="17"/>
      <c r="C11" s="13">
        <v>25293</v>
      </c>
      <c r="D11" s="14">
        <v>12928</v>
      </c>
      <c r="E11" s="14">
        <v>12365</v>
      </c>
      <c r="F11" s="14"/>
      <c r="G11" s="18" t="s">
        <v>20</v>
      </c>
      <c r="H11" s="17"/>
      <c r="I11" s="13">
        <v>45927</v>
      </c>
      <c r="J11" s="14">
        <v>23198</v>
      </c>
      <c r="K11" s="14">
        <v>22729</v>
      </c>
    </row>
    <row r="12" spans="1:11" ht="15" customHeight="1">
      <c r="A12" s="17" t="s">
        <v>21</v>
      </c>
      <c r="B12" s="17"/>
      <c r="C12" s="13">
        <v>4810</v>
      </c>
      <c r="D12" s="19">
        <v>2486</v>
      </c>
      <c r="E12" s="19">
        <v>2324</v>
      </c>
      <c r="F12" s="19"/>
      <c r="G12" s="18" t="s">
        <v>22</v>
      </c>
      <c r="H12" s="17"/>
      <c r="I12" s="13">
        <v>10246</v>
      </c>
      <c r="J12" s="19">
        <v>5172</v>
      </c>
      <c r="K12" s="19">
        <v>5074</v>
      </c>
    </row>
    <row r="13" spans="1:11" ht="15" customHeight="1">
      <c r="A13" s="17" t="s">
        <v>23</v>
      </c>
      <c r="B13" s="17"/>
      <c r="C13" s="13">
        <v>4846</v>
      </c>
      <c r="D13" s="19">
        <v>2469</v>
      </c>
      <c r="E13" s="19">
        <v>2377</v>
      </c>
      <c r="F13" s="19"/>
      <c r="G13" s="18" t="s">
        <v>24</v>
      </c>
      <c r="H13" s="17"/>
      <c r="I13" s="13">
        <v>9378</v>
      </c>
      <c r="J13" s="19">
        <v>4730</v>
      </c>
      <c r="K13" s="19">
        <v>4648</v>
      </c>
    </row>
    <row r="14" spans="1:11" ht="15" customHeight="1">
      <c r="A14" s="17" t="s">
        <v>25</v>
      </c>
      <c r="B14" s="17"/>
      <c r="C14" s="13">
        <v>5113</v>
      </c>
      <c r="D14" s="19">
        <v>2602</v>
      </c>
      <c r="E14" s="19">
        <v>2511</v>
      </c>
      <c r="F14" s="19"/>
      <c r="G14" s="18" t="s">
        <v>26</v>
      </c>
      <c r="H14" s="17"/>
      <c r="I14" s="13">
        <v>9165</v>
      </c>
      <c r="J14" s="19">
        <v>4608</v>
      </c>
      <c r="K14" s="19">
        <v>4557</v>
      </c>
    </row>
    <row r="15" spans="1:11" ht="15" customHeight="1">
      <c r="A15" s="17" t="s">
        <v>27</v>
      </c>
      <c r="B15" s="17"/>
      <c r="C15" s="13">
        <v>5147</v>
      </c>
      <c r="D15" s="19">
        <v>2666</v>
      </c>
      <c r="E15" s="19">
        <v>2481</v>
      </c>
      <c r="F15" s="19"/>
      <c r="G15" s="18" t="s">
        <v>28</v>
      </c>
      <c r="H15" s="17"/>
      <c r="I15" s="13">
        <v>8705</v>
      </c>
      <c r="J15" s="19">
        <v>4427</v>
      </c>
      <c r="K15" s="19">
        <v>4278</v>
      </c>
    </row>
    <row r="16" spans="1:11" ht="15" customHeight="1">
      <c r="A16" s="17" t="s">
        <v>29</v>
      </c>
      <c r="B16" s="17"/>
      <c r="C16" s="13">
        <v>5377</v>
      </c>
      <c r="D16" s="19">
        <v>2705</v>
      </c>
      <c r="E16" s="19">
        <v>2672</v>
      </c>
      <c r="F16" s="19"/>
      <c r="G16" s="18" t="s">
        <v>30</v>
      </c>
      <c r="H16" s="17"/>
      <c r="I16" s="13">
        <v>8433</v>
      </c>
      <c r="J16" s="19">
        <v>4261</v>
      </c>
      <c r="K16" s="19">
        <v>4172</v>
      </c>
    </row>
    <row r="17" spans="1:11" ht="20.100000000000001" customHeight="1">
      <c r="A17" s="20" t="s">
        <v>31</v>
      </c>
      <c r="B17" s="20"/>
      <c r="C17" s="13">
        <v>28366</v>
      </c>
      <c r="D17" s="14">
        <v>14478</v>
      </c>
      <c r="E17" s="14">
        <v>13888</v>
      </c>
      <c r="F17" s="14"/>
      <c r="G17" s="18" t="s">
        <v>32</v>
      </c>
      <c r="H17" s="17"/>
      <c r="I17" s="13">
        <v>39642</v>
      </c>
      <c r="J17" s="14">
        <v>19808</v>
      </c>
      <c r="K17" s="14">
        <v>19834</v>
      </c>
    </row>
    <row r="18" spans="1:11" ht="15" customHeight="1">
      <c r="A18" s="17" t="s">
        <v>33</v>
      </c>
      <c r="B18" s="17"/>
      <c r="C18" s="13">
        <v>5618</v>
      </c>
      <c r="D18" s="19">
        <v>2889</v>
      </c>
      <c r="E18" s="19">
        <v>2729</v>
      </c>
      <c r="F18" s="19"/>
      <c r="G18" s="18" t="s">
        <v>34</v>
      </c>
      <c r="H18" s="17"/>
      <c r="I18" s="13">
        <v>8236</v>
      </c>
      <c r="J18" s="19">
        <v>4065</v>
      </c>
      <c r="K18" s="19">
        <v>4171</v>
      </c>
    </row>
    <row r="19" spans="1:11" ht="15" customHeight="1">
      <c r="A19" s="17" t="s">
        <v>35</v>
      </c>
      <c r="B19" s="17"/>
      <c r="C19" s="13">
        <v>5487</v>
      </c>
      <c r="D19" s="19">
        <v>2804</v>
      </c>
      <c r="E19" s="19">
        <v>2683</v>
      </c>
      <c r="F19" s="19"/>
      <c r="G19" s="18" t="s">
        <v>36</v>
      </c>
      <c r="H19" s="17"/>
      <c r="I19" s="13">
        <v>8154</v>
      </c>
      <c r="J19" s="19">
        <v>4170</v>
      </c>
      <c r="K19" s="19">
        <v>3984</v>
      </c>
    </row>
    <row r="20" spans="1:11" ht="15" customHeight="1">
      <c r="A20" s="17" t="s">
        <v>37</v>
      </c>
      <c r="B20" s="17"/>
      <c r="C20" s="13">
        <v>5588</v>
      </c>
      <c r="D20" s="19">
        <v>2836</v>
      </c>
      <c r="E20" s="19">
        <v>2752</v>
      </c>
      <c r="F20" s="19"/>
      <c r="G20" s="18" t="s">
        <v>38</v>
      </c>
      <c r="H20" s="17"/>
      <c r="I20" s="13">
        <v>7989</v>
      </c>
      <c r="J20" s="19">
        <v>4003</v>
      </c>
      <c r="K20" s="19">
        <v>3986</v>
      </c>
    </row>
    <row r="21" spans="1:11" ht="15" customHeight="1">
      <c r="A21" s="17" t="s">
        <v>39</v>
      </c>
      <c r="B21" s="17"/>
      <c r="C21" s="13">
        <v>5859</v>
      </c>
      <c r="D21" s="19">
        <v>2981</v>
      </c>
      <c r="E21" s="19">
        <v>2878</v>
      </c>
      <c r="F21" s="19"/>
      <c r="G21" s="18" t="s">
        <v>40</v>
      </c>
      <c r="H21" s="17"/>
      <c r="I21" s="13">
        <v>7476</v>
      </c>
      <c r="J21" s="19">
        <v>3729</v>
      </c>
      <c r="K21" s="19">
        <v>3747</v>
      </c>
    </row>
    <row r="22" spans="1:11" ht="15" customHeight="1">
      <c r="A22" s="17" t="s">
        <v>41</v>
      </c>
      <c r="B22" s="17"/>
      <c r="C22" s="13">
        <v>5814</v>
      </c>
      <c r="D22" s="19">
        <v>2968</v>
      </c>
      <c r="E22" s="19">
        <v>2846</v>
      </c>
      <c r="F22" s="19"/>
      <c r="G22" s="18" t="s">
        <v>42</v>
      </c>
      <c r="H22" s="17"/>
      <c r="I22" s="13">
        <v>7787</v>
      </c>
      <c r="J22" s="19">
        <v>3841</v>
      </c>
      <c r="K22" s="19">
        <v>3946</v>
      </c>
    </row>
    <row r="23" spans="1:11" ht="20.100000000000001" customHeight="1">
      <c r="A23" s="17" t="s">
        <v>43</v>
      </c>
      <c r="B23" s="17"/>
      <c r="C23" s="13">
        <v>32010</v>
      </c>
      <c r="D23" s="14">
        <v>17078</v>
      </c>
      <c r="E23" s="14">
        <v>14932</v>
      </c>
      <c r="F23" s="14"/>
      <c r="G23" s="18" t="s">
        <v>44</v>
      </c>
      <c r="H23" s="17"/>
      <c r="I23" s="13">
        <v>43618</v>
      </c>
      <c r="J23" s="14">
        <v>20944</v>
      </c>
      <c r="K23" s="14">
        <v>22674</v>
      </c>
    </row>
    <row r="24" spans="1:11" ht="15" customHeight="1">
      <c r="A24" s="17" t="s">
        <v>45</v>
      </c>
      <c r="B24" s="17"/>
      <c r="C24" s="13">
        <v>5738</v>
      </c>
      <c r="D24" s="19">
        <v>2932</v>
      </c>
      <c r="E24" s="19">
        <v>2806</v>
      </c>
      <c r="F24" s="19"/>
      <c r="G24" s="18" t="s">
        <v>46</v>
      </c>
      <c r="H24" s="17"/>
      <c r="I24" s="13">
        <v>8087</v>
      </c>
      <c r="J24" s="19">
        <v>3873</v>
      </c>
      <c r="K24" s="19">
        <v>4214</v>
      </c>
    </row>
    <row r="25" spans="1:11" ht="15" customHeight="1">
      <c r="A25" s="17" t="s">
        <v>47</v>
      </c>
      <c r="B25" s="17"/>
      <c r="C25" s="13">
        <v>6254</v>
      </c>
      <c r="D25" s="19">
        <v>3382</v>
      </c>
      <c r="E25" s="19">
        <v>2872</v>
      </c>
      <c r="F25" s="19"/>
      <c r="G25" s="18" t="s">
        <v>48</v>
      </c>
      <c r="H25" s="17"/>
      <c r="I25" s="13">
        <v>8194</v>
      </c>
      <c r="J25" s="19">
        <v>3995</v>
      </c>
      <c r="K25" s="19">
        <v>4199</v>
      </c>
    </row>
    <row r="26" spans="1:11" ht="15" customHeight="1">
      <c r="A26" s="17" t="s">
        <v>49</v>
      </c>
      <c r="B26" s="17"/>
      <c r="C26" s="13">
        <v>6521</v>
      </c>
      <c r="D26" s="19">
        <v>3517</v>
      </c>
      <c r="E26" s="19">
        <v>3004</v>
      </c>
      <c r="F26" s="19"/>
      <c r="G26" s="18" t="s">
        <v>50</v>
      </c>
      <c r="H26" s="17"/>
      <c r="I26" s="13">
        <v>8469</v>
      </c>
      <c r="J26" s="19">
        <v>4110</v>
      </c>
      <c r="K26" s="19">
        <v>4359</v>
      </c>
    </row>
    <row r="27" spans="1:11" ht="15" customHeight="1">
      <c r="A27" s="17" t="s">
        <v>51</v>
      </c>
      <c r="B27" s="17"/>
      <c r="C27" s="13">
        <v>6527</v>
      </c>
      <c r="D27" s="19">
        <v>3493</v>
      </c>
      <c r="E27" s="19">
        <v>3034</v>
      </c>
      <c r="F27" s="19"/>
      <c r="G27" s="18" t="s">
        <v>52</v>
      </c>
      <c r="H27" s="17"/>
      <c r="I27" s="13">
        <v>9138</v>
      </c>
      <c r="J27" s="19">
        <v>4355</v>
      </c>
      <c r="K27" s="19">
        <v>4783</v>
      </c>
    </row>
    <row r="28" spans="1:11" ht="15" customHeight="1">
      <c r="A28" s="17" t="s">
        <v>53</v>
      </c>
      <c r="B28" s="17"/>
      <c r="C28" s="13">
        <v>6970</v>
      </c>
      <c r="D28" s="19">
        <v>3754</v>
      </c>
      <c r="E28" s="19">
        <v>3216</v>
      </c>
      <c r="F28" s="19"/>
      <c r="G28" s="18" t="s">
        <v>54</v>
      </c>
      <c r="H28" s="17"/>
      <c r="I28" s="13">
        <v>9730</v>
      </c>
      <c r="J28" s="19">
        <v>4611</v>
      </c>
      <c r="K28" s="19">
        <v>5119</v>
      </c>
    </row>
    <row r="29" spans="1:11" ht="20.100000000000001" customHeight="1">
      <c r="A29" s="17" t="s">
        <v>55</v>
      </c>
      <c r="B29" s="17"/>
      <c r="C29" s="13">
        <v>32058</v>
      </c>
      <c r="D29" s="14">
        <v>17200</v>
      </c>
      <c r="E29" s="14">
        <v>14858</v>
      </c>
      <c r="F29" s="14"/>
      <c r="G29" s="18" t="s">
        <v>56</v>
      </c>
      <c r="H29" s="17"/>
      <c r="I29" s="13">
        <v>56812</v>
      </c>
      <c r="J29" s="14">
        <v>26392</v>
      </c>
      <c r="K29" s="14">
        <v>30420</v>
      </c>
    </row>
    <row r="30" spans="1:11" ht="15" customHeight="1">
      <c r="A30" s="17" t="s">
        <v>57</v>
      </c>
      <c r="B30" s="17"/>
      <c r="C30" s="13">
        <v>7150</v>
      </c>
      <c r="D30" s="19">
        <v>3839</v>
      </c>
      <c r="E30" s="19">
        <v>3311</v>
      </c>
      <c r="F30" s="19"/>
      <c r="G30" s="18" t="s">
        <v>58</v>
      </c>
      <c r="H30" s="17"/>
      <c r="I30" s="13">
        <v>10582</v>
      </c>
      <c r="J30" s="19">
        <v>5083</v>
      </c>
      <c r="K30" s="19">
        <v>5499</v>
      </c>
    </row>
    <row r="31" spans="1:11" ht="15" customHeight="1">
      <c r="A31" s="17" t="s">
        <v>59</v>
      </c>
      <c r="B31" s="17"/>
      <c r="C31" s="13">
        <v>6859</v>
      </c>
      <c r="D31" s="19">
        <v>3718</v>
      </c>
      <c r="E31" s="19">
        <v>3141</v>
      </c>
      <c r="F31" s="19"/>
      <c r="G31" s="18" t="s">
        <v>60</v>
      </c>
      <c r="H31" s="17"/>
      <c r="I31" s="13">
        <v>12442</v>
      </c>
      <c r="J31" s="19">
        <v>5860</v>
      </c>
      <c r="K31" s="19">
        <v>6582</v>
      </c>
    </row>
    <row r="32" spans="1:11" ht="15" customHeight="1">
      <c r="A32" s="17" t="s">
        <v>61</v>
      </c>
      <c r="B32" s="17"/>
      <c r="C32" s="13">
        <v>6547</v>
      </c>
      <c r="D32" s="19">
        <v>3493</v>
      </c>
      <c r="E32" s="19">
        <v>3054</v>
      </c>
      <c r="F32" s="19"/>
      <c r="G32" s="18" t="s">
        <v>62</v>
      </c>
      <c r="H32" s="17"/>
      <c r="I32" s="13">
        <v>12290</v>
      </c>
      <c r="J32" s="19">
        <v>5667</v>
      </c>
      <c r="K32" s="19">
        <v>6623</v>
      </c>
    </row>
    <row r="33" spans="1:11" ht="15" customHeight="1">
      <c r="A33" s="17" t="s">
        <v>63</v>
      </c>
      <c r="B33" s="17"/>
      <c r="C33" s="13">
        <v>5896</v>
      </c>
      <c r="D33" s="19">
        <v>3128</v>
      </c>
      <c r="E33" s="19">
        <v>2768</v>
      </c>
      <c r="F33" s="19"/>
      <c r="G33" s="18" t="s">
        <v>64</v>
      </c>
      <c r="H33" s="17"/>
      <c r="I33" s="13">
        <v>12702</v>
      </c>
      <c r="J33" s="19">
        <v>5840</v>
      </c>
      <c r="K33" s="19">
        <v>6862</v>
      </c>
    </row>
    <row r="34" spans="1:11" ht="15" customHeight="1">
      <c r="A34" s="17" t="s">
        <v>65</v>
      </c>
      <c r="B34" s="17"/>
      <c r="C34" s="13">
        <v>5606</v>
      </c>
      <c r="D34" s="19">
        <v>3022</v>
      </c>
      <c r="E34" s="19">
        <v>2584</v>
      </c>
      <c r="F34" s="19"/>
      <c r="G34" s="18" t="s">
        <v>66</v>
      </c>
      <c r="H34" s="17"/>
      <c r="I34" s="13">
        <v>8796</v>
      </c>
      <c r="J34" s="19">
        <v>3942</v>
      </c>
      <c r="K34" s="19">
        <v>4854</v>
      </c>
    </row>
    <row r="35" spans="1:11" ht="20.100000000000001" customHeight="1">
      <c r="A35" s="17" t="s">
        <v>67</v>
      </c>
      <c r="B35" s="17"/>
      <c r="C35" s="13">
        <v>25996</v>
      </c>
      <c r="D35" s="14">
        <v>13748</v>
      </c>
      <c r="E35" s="14">
        <v>12248</v>
      </c>
      <c r="F35" s="14"/>
      <c r="G35" s="18" t="s">
        <v>68</v>
      </c>
      <c r="H35" s="17"/>
      <c r="I35" s="13">
        <v>47036</v>
      </c>
      <c r="J35" s="14">
        <v>20811</v>
      </c>
      <c r="K35" s="14">
        <v>26225</v>
      </c>
    </row>
    <row r="36" spans="1:11" ht="15" customHeight="1">
      <c r="A36" s="17" t="s">
        <v>69</v>
      </c>
      <c r="B36" s="17"/>
      <c r="C36" s="13">
        <v>5306</v>
      </c>
      <c r="D36" s="19">
        <v>2835</v>
      </c>
      <c r="E36" s="19">
        <v>2471</v>
      </c>
      <c r="F36" s="19"/>
      <c r="G36" s="18" t="s">
        <v>70</v>
      </c>
      <c r="H36" s="17"/>
      <c r="I36" s="13">
        <v>7748</v>
      </c>
      <c r="J36" s="19">
        <v>3419</v>
      </c>
      <c r="K36" s="19">
        <v>4329</v>
      </c>
    </row>
    <row r="37" spans="1:11" ht="15" customHeight="1">
      <c r="A37" s="17" t="s">
        <v>71</v>
      </c>
      <c r="B37" s="17"/>
      <c r="C37" s="13">
        <v>5391</v>
      </c>
      <c r="D37" s="19">
        <v>2836</v>
      </c>
      <c r="E37" s="19">
        <v>2555</v>
      </c>
      <c r="F37" s="19"/>
      <c r="G37" s="18" t="s">
        <v>72</v>
      </c>
      <c r="H37" s="17"/>
      <c r="I37" s="13">
        <v>9812</v>
      </c>
      <c r="J37" s="19">
        <v>4329</v>
      </c>
      <c r="K37" s="19">
        <v>5483</v>
      </c>
    </row>
    <row r="38" spans="1:11" ht="15" customHeight="1">
      <c r="A38" s="17" t="s">
        <v>73</v>
      </c>
      <c r="B38" s="17"/>
      <c r="C38" s="13">
        <v>5047</v>
      </c>
      <c r="D38" s="19">
        <v>2683</v>
      </c>
      <c r="E38" s="19">
        <v>2364</v>
      </c>
      <c r="F38" s="19"/>
      <c r="G38" s="18" t="s">
        <v>74</v>
      </c>
      <c r="H38" s="17"/>
      <c r="I38" s="13">
        <v>10097</v>
      </c>
      <c r="J38" s="19">
        <v>4489</v>
      </c>
      <c r="K38" s="19">
        <v>5608</v>
      </c>
    </row>
    <row r="39" spans="1:11" ht="15" customHeight="1">
      <c r="A39" s="17" t="s">
        <v>75</v>
      </c>
      <c r="B39" s="17"/>
      <c r="C39" s="13">
        <v>5087</v>
      </c>
      <c r="D39" s="19">
        <v>2663</v>
      </c>
      <c r="E39" s="19">
        <v>2424</v>
      </c>
      <c r="F39" s="19"/>
      <c r="G39" s="18" t="s">
        <v>76</v>
      </c>
      <c r="H39" s="17"/>
      <c r="I39" s="13">
        <v>9735</v>
      </c>
      <c r="J39" s="19">
        <v>4344</v>
      </c>
      <c r="K39" s="19">
        <v>5391</v>
      </c>
    </row>
    <row r="40" spans="1:11" ht="15" customHeight="1">
      <c r="A40" s="17" t="s">
        <v>77</v>
      </c>
      <c r="B40" s="17"/>
      <c r="C40" s="13">
        <v>5165</v>
      </c>
      <c r="D40" s="19">
        <v>2731</v>
      </c>
      <c r="E40" s="19">
        <v>2434</v>
      </c>
      <c r="F40" s="19"/>
      <c r="G40" s="18" t="s">
        <v>78</v>
      </c>
      <c r="H40" s="17"/>
      <c r="I40" s="13">
        <v>9644</v>
      </c>
      <c r="J40" s="19">
        <v>4230</v>
      </c>
      <c r="K40" s="19">
        <v>5414</v>
      </c>
    </row>
    <row r="41" spans="1:11" ht="20.100000000000001" customHeight="1">
      <c r="A41" s="17" t="s">
        <v>79</v>
      </c>
      <c r="B41" s="17"/>
      <c r="C41" s="13">
        <v>28291</v>
      </c>
      <c r="D41" s="14">
        <v>14759</v>
      </c>
      <c r="E41" s="14">
        <v>13532</v>
      </c>
      <c r="F41" s="14"/>
      <c r="G41" s="18" t="s">
        <v>80</v>
      </c>
      <c r="H41" s="17"/>
      <c r="I41" s="13">
        <v>35892</v>
      </c>
      <c r="J41" s="14">
        <v>15304</v>
      </c>
      <c r="K41" s="14">
        <v>20588</v>
      </c>
    </row>
    <row r="42" spans="1:11" ht="15" customHeight="1">
      <c r="A42" s="17" t="s">
        <v>81</v>
      </c>
      <c r="B42" s="17"/>
      <c r="C42" s="13">
        <v>5258</v>
      </c>
      <c r="D42" s="19">
        <v>2755</v>
      </c>
      <c r="E42" s="19">
        <v>2503</v>
      </c>
      <c r="F42" s="19"/>
      <c r="G42" s="18" t="s">
        <v>82</v>
      </c>
      <c r="H42" s="17"/>
      <c r="I42" s="13">
        <v>8394</v>
      </c>
      <c r="J42" s="19">
        <v>3602</v>
      </c>
      <c r="K42" s="19">
        <v>4792</v>
      </c>
    </row>
    <row r="43" spans="1:11" ht="15" customHeight="1">
      <c r="A43" s="17" t="s">
        <v>83</v>
      </c>
      <c r="B43" s="17"/>
      <c r="C43" s="13">
        <v>5448</v>
      </c>
      <c r="D43" s="19">
        <v>2825</v>
      </c>
      <c r="E43" s="19">
        <v>2623</v>
      </c>
      <c r="F43" s="19"/>
      <c r="G43" s="18" t="s">
        <v>84</v>
      </c>
      <c r="H43" s="17"/>
      <c r="I43" s="13">
        <v>7278</v>
      </c>
      <c r="J43" s="19">
        <v>3143</v>
      </c>
      <c r="K43" s="19">
        <v>4135</v>
      </c>
    </row>
    <row r="44" spans="1:11" ht="15" customHeight="1">
      <c r="A44" s="17" t="s">
        <v>85</v>
      </c>
      <c r="B44" s="17"/>
      <c r="C44" s="13">
        <v>5737</v>
      </c>
      <c r="D44" s="19">
        <v>3039</v>
      </c>
      <c r="E44" s="19">
        <v>2698</v>
      </c>
      <c r="F44" s="19"/>
      <c r="G44" s="18" t="s">
        <v>86</v>
      </c>
      <c r="H44" s="17"/>
      <c r="I44" s="13">
        <v>6737</v>
      </c>
      <c r="J44" s="19">
        <v>2888</v>
      </c>
      <c r="K44" s="19">
        <v>3849</v>
      </c>
    </row>
    <row r="45" spans="1:11" ht="15" customHeight="1">
      <c r="A45" s="17" t="s">
        <v>87</v>
      </c>
      <c r="B45" s="17"/>
      <c r="C45" s="13">
        <v>5842</v>
      </c>
      <c r="D45" s="19">
        <v>3008</v>
      </c>
      <c r="E45" s="19">
        <v>2834</v>
      </c>
      <c r="F45" s="19"/>
      <c r="G45" s="18" t="s">
        <v>88</v>
      </c>
      <c r="H45" s="17"/>
      <c r="I45" s="13">
        <v>7090</v>
      </c>
      <c r="J45" s="19">
        <v>3028</v>
      </c>
      <c r="K45" s="19">
        <v>4062</v>
      </c>
    </row>
    <row r="46" spans="1:11" ht="15" customHeight="1">
      <c r="A46" s="17" t="s">
        <v>89</v>
      </c>
      <c r="B46" s="17"/>
      <c r="C46" s="13">
        <v>6006</v>
      </c>
      <c r="D46" s="19">
        <v>3132</v>
      </c>
      <c r="E46" s="19">
        <v>2874</v>
      </c>
      <c r="F46" s="19"/>
      <c r="G46" s="18" t="s">
        <v>90</v>
      </c>
      <c r="H46" s="17"/>
      <c r="I46" s="13">
        <v>6393</v>
      </c>
      <c r="J46" s="19">
        <v>2643</v>
      </c>
      <c r="K46" s="19">
        <v>3750</v>
      </c>
    </row>
    <row r="47" spans="1:11" ht="20.100000000000001" customHeight="1">
      <c r="A47" s="17" t="s">
        <v>91</v>
      </c>
      <c r="B47" s="17"/>
      <c r="C47" s="13">
        <v>34260</v>
      </c>
      <c r="D47" s="14">
        <v>17396</v>
      </c>
      <c r="E47" s="14">
        <v>16864</v>
      </c>
      <c r="F47" s="14"/>
      <c r="G47" s="18" t="s">
        <v>92</v>
      </c>
      <c r="H47" s="17"/>
      <c r="I47" s="13">
        <v>24770</v>
      </c>
      <c r="J47" s="14">
        <v>9419</v>
      </c>
      <c r="K47" s="14">
        <v>15351</v>
      </c>
    </row>
    <row r="48" spans="1:11" ht="15" customHeight="1">
      <c r="A48" s="17" t="s">
        <v>93</v>
      </c>
      <c r="B48" s="17"/>
      <c r="C48" s="13">
        <v>6305</v>
      </c>
      <c r="D48" s="19">
        <v>3257</v>
      </c>
      <c r="E48" s="19">
        <v>3048</v>
      </c>
      <c r="F48" s="19"/>
      <c r="G48" s="18" t="s">
        <v>94</v>
      </c>
      <c r="H48" s="17"/>
      <c r="I48" s="13">
        <v>6399</v>
      </c>
      <c r="J48" s="19">
        <v>2611</v>
      </c>
      <c r="K48" s="19">
        <v>3788</v>
      </c>
    </row>
    <row r="49" spans="1:11" ht="15" customHeight="1">
      <c r="A49" s="17" t="s">
        <v>95</v>
      </c>
      <c r="B49" s="17"/>
      <c r="C49" s="13">
        <v>6673</v>
      </c>
      <c r="D49" s="19">
        <v>3428</v>
      </c>
      <c r="E49" s="19">
        <v>3245</v>
      </c>
      <c r="F49" s="19"/>
      <c r="G49" s="18" t="s">
        <v>96</v>
      </c>
      <c r="H49" s="17"/>
      <c r="I49" s="13">
        <v>5287</v>
      </c>
      <c r="J49" s="19">
        <v>2080</v>
      </c>
      <c r="K49" s="19">
        <v>3207</v>
      </c>
    </row>
    <row r="50" spans="1:11" ht="15" customHeight="1">
      <c r="A50" s="17" t="s">
        <v>97</v>
      </c>
      <c r="B50" s="17"/>
      <c r="C50" s="13">
        <v>6946</v>
      </c>
      <c r="D50" s="19">
        <v>3466</v>
      </c>
      <c r="E50" s="19">
        <v>3480</v>
      </c>
      <c r="F50" s="19"/>
      <c r="G50" s="18" t="s">
        <v>98</v>
      </c>
      <c r="H50" s="17"/>
      <c r="I50" s="13">
        <v>5053</v>
      </c>
      <c r="J50" s="19">
        <v>1900</v>
      </c>
      <c r="K50" s="19">
        <v>3153</v>
      </c>
    </row>
    <row r="51" spans="1:11" ht="15" customHeight="1">
      <c r="A51" s="17" t="s">
        <v>99</v>
      </c>
      <c r="B51" s="17"/>
      <c r="C51" s="13">
        <v>7036</v>
      </c>
      <c r="D51" s="19">
        <v>3601</v>
      </c>
      <c r="E51" s="19">
        <v>3435</v>
      </c>
      <c r="F51" s="19"/>
      <c r="G51" s="18" t="s">
        <v>100</v>
      </c>
      <c r="H51" s="17"/>
      <c r="I51" s="13">
        <v>4315</v>
      </c>
      <c r="J51" s="19">
        <v>1572</v>
      </c>
      <c r="K51" s="19">
        <v>2743</v>
      </c>
    </row>
    <row r="52" spans="1:11" ht="15" customHeight="1">
      <c r="A52" s="17" t="s">
        <v>101</v>
      </c>
      <c r="B52" s="17"/>
      <c r="C52" s="13">
        <v>7300</v>
      </c>
      <c r="D52" s="19">
        <v>3644</v>
      </c>
      <c r="E52" s="19">
        <v>3656</v>
      </c>
      <c r="F52" s="19"/>
      <c r="G52" s="18" t="s">
        <v>102</v>
      </c>
      <c r="H52" s="17"/>
      <c r="I52" s="13">
        <v>3716</v>
      </c>
      <c r="J52" s="19">
        <v>1256</v>
      </c>
      <c r="K52" s="19">
        <v>2460</v>
      </c>
    </row>
    <row r="53" spans="1:11" ht="20.100000000000001" customHeight="1">
      <c r="A53" s="17" t="s">
        <v>103</v>
      </c>
      <c r="B53" s="17"/>
      <c r="C53" s="13">
        <v>43209</v>
      </c>
      <c r="D53" s="14">
        <v>21624</v>
      </c>
      <c r="E53" s="14">
        <v>21585</v>
      </c>
      <c r="F53" s="14"/>
      <c r="G53" s="18" t="s">
        <v>104</v>
      </c>
      <c r="H53" s="17"/>
      <c r="I53" s="13">
        <v>11391</v>
      </c>
      <c r="J53" s="14">
        <v>3400</v>
      </c>
      <c r="K53" s="14">
        <v>7991</v>
      </c>
    </row>
    <row r="54" spans="1:11" ht="15" customHeight="1">
      <c r="A54" s="17" t="s">
        <v>105</v>
      </c>
      <c r="B54" s="17"/>
      <c r="C54" s="13">
        <v>7599</v>
      </c>
      <c r="D54" s="19">
        <v>3775</v>
      </c>
      <c r="E54" s="19">
        <v>3824</v>
      </c>
      <c r="F54" s="19"/>
      <c r="G54" s="18" t="s">
        <v>106</v>
      </c>
      <c r="H54" s="17"/>
      <c r="I54" s="13">
        <v>3249</v>
      </c>
      <c r="J54" s="19">
        <v>1091</v>
      </c>
      <c r="K54" s="19">
        <v>2158</v>
      </c>
    </row>
    <row r="55" spans="1:11" ht="15" customHeight="1">
      <c r="A55" s="17" t="s">
        <v>107</v>
      </c>
      <c r="B55" s="17"/>
      <c r="C55" s="13">
        <v>8314</v>
      </c>
      <c r="D55" s="19">
        <v>4153</v>
      </c>
      <c r="E55" s="19">
        <v>4161</v>
      </c>
      <c r="F55" s="19"/>
      <c r="G55" s="18" t="s">
        <v>108</v>
      </c>
      <c r="H55" s="17"/>
      <c r="I55" s="13">
        <v>2737</v>
      </c>
      <c r="J55" s="19">
        <v>806</v>
      </c>
      <c r="K55" s="19">
        <v>1931</v>
      </c>
    </row>
    <row r="56" spans="1:11" ht="15" customHeight="1">
      <c r="A56" s="17" t="s">
        <v>109</v>
      </c>
      <c r="B56" s="17"/>
      <c r="C56" s="13">
        <v>8624</v>
      </c>
      <c r="D56" s="19">
        <v>4335</v>
      </c>
      <c r="E56" s="19">
        <v>4289</v>
      </c>
      <c r="F56" s="19"/>
      <c r="G56" s="18" t="s">
        <v>110</v>
      </c>
      <c r="H56" s="17"/>
      <c r="I56" s="13">
        <v>2294</v>
      </c>
      <c r="J56" s="19">
        <v>644</v>
      </c>
      <c r="K56" s="19">
        <v>1650</v>
      </c>
    </row>
    <row r="57" spans="1:11" ht="15" customHeight="1">
      <c r="A57" s="17" t="s">
        <v>111</v>
      </c>
      <c r="B57" s="17"/>
      <c r="C57" s="13">
        <v>8967</v>
      </c>
      <c r="D57" s="19">
        <v>4510</v>
      </c>
      <c r="E57" s="19">
        <v>4457</v>
      </c>
      <c r="F57" s="19"/>
      <c r="G57" s="18" t="s">
        <v>112</v>
      </c>
      <c r="H57" s="17"/>
      <c r="I57" s="13">
        <v>1771</v>
      </c>
      <c r="J57" s="19">
        <v>480</v>
      </c>
      <c r="K57" s="19">
        <v>1291</v>
      </c>
    </row>
    <row r="58" spans="1:11" ht="15" customHeight="1">
      <c r="A58" s="17" t="s">
        <v>113</v>
      </c>
      <c r="B58" s="17"/>
      <c r="C58" s="13">
        <v>9705</v>
      </c>
      <c r="D58" s="19">
        <v>4851</v>
      </c>
      <c r="E58" s="19">
        <v>4854</v>
      </c>
      <c r="F58" s="19"/>
      <c r="G58" s="18" t="s">
        <v>114</v>
      </c>
      <c r="H58" s="17"/>
      <c r="I58" s="13">
        <v>1340</v>
      </c>
      <c r="J58" s="19">
        <v>379</v>
      </c>
      <c r="K58" s="19">
        <v>961</v>
      </c>
    </row>
    <row r="59" spans="1:11" ht="20.100000000000001" customHeight="1">
      <c r="A59" s="17" t="s">
        <v>115</v>
      </c>
      <c r="B59" s="17"/>
      <c r="C59" s="13">
        <v>56088</v>
      </c>
      <c r="D59" s="14">
        <v>28102</v>
      </c>
      <c r="E59" s="14">
        <v>27986</v>
      </c>
      <c r="F59" s="14"/>
      <c r="G59" s="18" t="s">
        <v>116</v>
      </c>
      <c r="H59" s="17"/>
      <c r="I59" s="13">
        <v>3072</v>
      </c>
      <c r="J59" s="14">
        <v>598</v>
      </c>
      <c r="K59" s="14">
        <v>2474</v>
      </c>
    </row>
    <row r="60" spans="1:11" ht="15" customHeight="1">
      <c r="A60" s="17" t="s">
        <v>117</v>
      </c>
      <c r="B60" s="17"/>
      <c r="C60" s="13">
        <v>10098</v>
      </c>
      <c r="D60" s="19">
        <v>5121</v>
      </c>
      <c r="E60" s="19">
        <v>4977</v>
      </c>
      <c r="F60" s="19"/>
      <c r="G60" s="18" t="s">
        <v>118</v>
      </c>
      <c r="H60" s="17"/>
      <c r="I60" s="13">
        <v>1086</v>
      </c>
      <c r="J60" s="19">
        <v>218</v>
      </c>
      <c r="K60" s="19">
        <v>868</v>
      </c>
    </row>
    <row r="61" spans="1:11" ht="15" customHeight="1">
      <c r="A61" s="17" t="s">
        <v>119</v>
      </c>
      <c r="B61" s="17"/>
      <c r="C61" s="13">
        <v>10802</v>
      </c>
      <c r="D61" s="19">
        <v>5442</v>
      </c>
      <c r="E61" s="19">
        <v>5360</v>
      </c>
      <c r="F61" s="19"/>
      <c r="G61" s="18" t="s">
        <v>120</v>
      </c>
      <c r="H61" s="17"/>
      <c r="I61" s="13">
        <v>760</v>
      </c>
      <c r="J61" s="19">
        <v>165</v>
      </c>
      <c r="K61" s="19">
        <v>595</v>
      </c>
    </row>
    <row r="62" spans="1:11" ht="15" customHeight="1">
      <c r="A62" s="17" t="s">
        <v>121</v>
      </c>
      <c r="B62" s="17"/>
      <c r="C62" s="13">
        <v>11673</v>
      </c>
      <c r="D62" s="19">
        <v>5824</v>
      </c>
      <c r="E62" s="19">
        <v>5849</v>
      </c>
      <c r="F62" s="19"/>
      <c r="G62" s="18" t="s">
        <v>122</v>
      </c>
      <c r="H62" s="17"/>
      <c r="I62" s="13">
        <v>537</v>
      </c>
      <c r="J62" s="19">
        <v>111</v>
      </c>
      <c r="K62" s="19">
        <v>426</v>
      </c>
    </row>
    <row r="63" spans="1:11" ht="15" customHeight="1">
      <c r="A63" s="17" t="s">
        <v>123</v>
      </c>
      <c r="B63" s="17"/>
      <c r="C63" s="13">
        <v>11764</v>
      </c>
      <c r="D63" s="19">
        <v>5895</v>
      </c>
      <c r="E63" s="19">
        <v>5869</v>
      </c>
      <c r="F63" s="19"/>
      <c r="G63" s="18" t="s">
        <v>124</v>
      </c>
      <c r="H63" s="17"/>
      <c r="I63" s="13">
        <v>392</v>
      </c>
      <c r="J63" s="19">
        <v>64</v>
      </c>
      <c r="K63" s="19">
        <v>328</v>
      </c>
    </row>
    <row r="64" spans="1:11" ht="15" customHeight="1">
      <c r="A64" s="17" t="s">
        <v>125</v>
      </c>
      <c r="B64" s="17"/>
      <c r="C64" s="13">
        <v>11751</v>
      </c>
      <c r="D64" s="19">
        <v>5820</v>
      </c>
      <c r="E64" s="19">
        <v>5931</v>
      </c>
      <c r="F64" s="19"/>
      <c r="G64" s="18" t="s">
        <v>126</v>
      </c>
      <c r="H64" s="17"/>
      <c r="I64" s="13">
        <v>297</v>
      </c>
      <c r="J64" s="19">
        <v>40</v>
      </c>
      <c r="K64" s="19">
        <v>25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19</v>
      </c>
      <c r="J65" s="19">
        <v>65</v>
      </c>
      <c r="K65" s="19">
        <v>45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815</v>
      </c>
      <c r="J66" s="29">
        <v>1930</v>
      </c>
      <c r="K66" s="29">
        <v>1885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33" t="s">
        <v>4</v>
      </c>
      <c r="D3" s="33" t="s">
        <v>5</v>
      </c>
      <c r="E3" s="33" t="s">
        <v>6</v>
      </c>
      <c r="F3" s="34"/>
      <c r="G3" s="11" t="s">
        <v>3</v>
      </c>
      <c r="H3" s="9"/>
      <c r="I3" s="33" t="s">
        <v>4</v>
      </c>
      <c r="J3" s="33" t="s">
        <v>5</v>
      </c>
      <c r="K3" s="33" t="s">
        <v>6</v>
      </c>
    </row>
    <row r="4" spans="1:11" ht="20.100000000000001" customHeight="1">
      <c r="A4" s="35" t="s">
        <v>4</v>
      </c>
      <c r="B4" s="35"/>
      <c r="C4" s="36">
        <v>297147</v>
      </c>
      <c r="D4" s="37">
        <v>153282</v>
      </c>
      <c r="E4" s="37">
        <v>143865</v>
      </c>
      <c r="F4" s="37"/>
      <c r="G4" s="15"/>
      <c r="H4" s="12"/>
      <c r="I4" s="38"/>
      <c r="J4" s="35"/>
      <c r="K4" s="35"/>
    </row>
    <row r="5" spans="1:11" ht="20.100000000000001" customHeight="1">
      <c r="A5" s="17" t="s">
        <v>7</v>
      </c>
      <c r="B5" s="17"/>
      <c r="C5" s="36">
        <v>11549</v>
      </c>
      <c r="D5" s="37">
        <v>5949</v>
      </c>
      <c r="E5" s="37">
        <v>5600</v>
      </c>
      <c r="F5" s="37"/>
      <c r="G5" s="18" t="s">
        <v>8</v>
      </c>
      <c r="H5" s="17"/>
      <c r="I5" s="36">
        <v>22478</v>
      </c>
      <c r="J5" s="37">
        <v>12167</v>
      </c>
      <c r="K5" s="37">
        <v>10311</v>
      </c>
    </row>
    <row r="6" spans="1:11" ht="15" customHeight="1">
      <c r="A6" s="17" t="s">
        <v>9</v>
      </c>
      <c r="B6" s="17"/>
      <c r="C6" s="36">
        <v>2145</v>
      </c>
      <c r="D6" s="19">
        <v>1089</v>
      </c>
      <c r="E6" s="19">
        <v>1056</v>
      </c>
      <c r="F6" s="19"/>
      <c r="G6" s="18" t="s">
        <v>10</v>
      </c>
      <c r="H6" s="17"/>
      <c r="I6" s="36">
        <v>4940</v>
      </c>
      <c r="J6" s="19">
        <v>2610</v>
      </c>
      <c r="K6" s="19">
        <v>2330</v>
      </c>
    </row>
    <row r="7" spans="1:11" ht="15" customHeight="1">
      <c r="A7" s="17" t="s">
        <v>11</v>
      </c>
      <c r="B7" s="17"/>
      <c r="C7" s="36">
        <v>2258</v>
      </c>
      <c r="D7" s="19">
        <v>1191</v>
      </c>
      <c r="E7" s="19">
        <v>1067</v>
      </c>
      <c r="F7" s="19"/>
      <c r="G7" s="18" t="s">
        <v>12</v>
      </c>
      <c r="H7" s="17"/>
      <c r="I7" s="36">
        <v>4761</v>
      </c>
      <c r="J7" s="19">
        <v>2571</v>
      </c>
      <c r="K7" s="19">
        <v>2190</v>
      </c>
    </row>
    <row r="8" spans="1:11" ht="15" customHeight="1">
      <c r="A8" s="17" t="s">
        <v>13</v>
      </c>
      <c r="B8" s="17"/>
      <c r="C8" s="36">
        <v>2359</v>
      </c>
      <c r="D8" s="19">
        <v>1187</v>
      </c>
      <c r="E8" s="19">
        <v>1172</v>
      </c>
      <c r="F8" s="19"/>
      <c r="G8" s="18" t="s">
        <v>14</v>
      </c>
      <c r="H8" s="17"/>
      <c r="I8" s="36">
        <v>4708</v>
      </c>
      <c r="J8" s="19">
        <v>2631</v>
      </c>
      <c r="K8" s="19">
        <v>2077</v>
      </c>
    </row>
    <row r="9" spans="1:11" ht="15" customHeight="1">
      <c r="A9" s="17" t="s">
        <v>15</v>
      </c>
      <c r="B9" s="17"/>
      <c r="C9" s="36">
        <v>2367</v>
      </c>
      <c r="D9" s="19">
        <v>1260</v>
      </c>
      <c r="E9" s="19">
        <v>1107</v>
      </c>
      <c r="F9" s="19"/>
      <c r="G9" s="18" t="s">
        <v>16</v>
      </c>
      <c r="H9" s="17"/>
      <c r="I9" s="36">
        <v>4779</v>
      </c>
      <c r="J9" s="19">
        <v>2572</v>
      </c>
      <c r="K9" s="19">
        <v>2207</v>
      </c>
    </row>
    <row r="10" spans="1:11" ht="15" customHeight="1">
      <c r="A10" s="17" t="s">
        <v>17</v>
      </c>
      <c r="B10" s="17"/>
      <c r="C10" s="36">
        <v>2420</v>
      </c>
      <c r="D10" s="19">
        <v>1222</v>
      </c>
      <c r="E10" s="19">
        <v>1198</v>
      </c>
      <c r="F10" s="19"/>
      <c r="G10" s="18" t="s">
        <v>18</v>
      </c>
      <c r="H10" s="17"/>
      <c r="I10" s="36">
        <v>3290</v>
      </c>
      <c r="J10" s="19">
        <v>1783</v>
      </c>
      <c r="K10" s="19">
        <v>1507</v>
      </c>
    </row>
    <row r="11" spans="1:11" ht="20.100000000000001" customHeight="1">
      <c r="A11" s="17" t="s">
        <v>19</v>
      </c>
      <c r="B11" s="17"/>
      <c r="C11" s="36">
        <v>12832</v>
      </c>
      <c r="D11" s="37">
        <v>6558</v>
      </c>
      <c r="E11" s="37">
        <v>6274</v>
      </c>
      <c r="F11" s="37"/>
      <c r="G11" s="39" t="s">
        <v>20</v>
      </c>
      <c r="H11" s="40"/>
      <c r="I11" s="36">
        <v>18766</v>
      </c>
      <c r="J11" s="37">
        <v>10220</v>
      </c>
      <c r="K11" s="37">
        <v>8546</v>
      </c>
    </row>
    <row r="12" spans="1:11" ht="15" customHeight="1">
      <c r="A12" s="17" t="s">
        <v>21</v>
      </c>
      <c r="B12" s="17"/>
      <c r="C12" s="36">
        <v>2641</v>
      </c>
      <c r="D12" s="19">
        <v>1310</v>
      </c>
      <c r="E12" s="19">
        <v>1331</v>
      </c>
      <c r="F12" s="19"/>
      <c r="G12" s="18" t="s">
        <v>22</v>
      </c>
      <c r="H12" s="17"/>
      <c r="I12" s="36">
        <v>4223</v>
      </c>
      <c r="J12" s="19">
        <v>2333</v>
      </c>
      <c r="K12" s="19">
        <v>1890</v>
      </c>
    </row>
    <row r="13" spans="1:11" ht="15" customHeight="1">
      <c r="A13" s="17" t="s">
        <v>23</v>
      </c>
      <c r="B13" s="17"/>
      <c r="C13" s="36">
        <v>2571</v>
      </c>
      <c r="D13" s="19">
        <v>1313</v>
      </c>
      <c r="E13" s="19">
        <v>1258</v>
      </c>
      <c r="F13" s="19"/>
      <c r="G13" s="18" t="s">
        <v>24</v>
      </c>
      <c r="H13" s="17"/>
      <c r="I13" s="36">
        <v>3898</v>
      </c>
      <c r="J13" s="19">
        <v>2081</v>
      </c>
      <c r="K13" s="19">
        <v>1817</v>
      </c>
    </row>
    <row r="14" spans="1:11" ht="15" customHeight="1">
      <c r="A14" s="17" t="s">
        <v>25</v>
      </c>
      <c r="B14" s="17"/>
      <c r="C14" s="36">
        <v>2472</v>
      </c>
      <c r="D14" s="19">
        <v>1270</v>
      </c>
      <c r="E14" s="19">
        <v>1202</v>
      </c>
      <c r="F14" s="19"/>
      <c r="G14" s="18" t="s">
        <v>26</v>
      </c>
      <c r="H14" s="17"/>
      <c r="I14" s="36">
        <v>3750</v>
      </c>
      <c r="J14" s="19">
        <v>2029</v>
      </c>
      <c r="K14" s="19">
        <v>1721</v>
      </c>
    </row>
    <row r="15" spans="1:11" ht="15" customHeight="1">
      <c r="A15" s="17" t="s">
        <v>27</v>
      </c>
      <c r="B15" s="17"/>
      <c r="C15" s="36">
        <v>2608</v>
      </c>
      <c r="D15" s="19">
        <v>1354</v>
      </c>
      <c r="E15" s="19">
        <v>1254</v>
      </c>
      <c r="F15" s="19"/>
      <c r="G15" s="18" t="s">
        <v>28</v>
      </c>
      <c r="H15" s="17"/>
      <c r="I15" s="36">
        <v>3619</v>
      </c>
      <c r="J15" s="19">
        <v>2009</v>
      </c>
      <c r="K15" s="19">
        <v>1610</v>
      </c>
    </row>
    <row r="16" spans="1:11" ht="15" customHeight="1">
      <c r="A16" s="17" t="s">
        <v>29</v>
      </c>
      <c r="B16" s="17"/>
      <c r="C16" s="36">
        <v>2540</v>
      </c>
      <c r="D16" s="19">
        <v>1311</v>
      </c>
      <c r="E16" s="19">
        <v>1229</v>
      </c>
      <c r="F16" s="19"/>
      <c r="G16" s="18" t="s">
        <v>30</v>
      </c>
      <c r="H16" s="17"/>
      <c r="I16" s="36">
        <v>3276</v>
      </c>
      <c r="J16" s="19">
        <v>1768</v>
      </c>
      <c r="K16" s="19">
        <v>1508</v>
      </c>
    </row>
    <row r="17" spans="1:11" ht="20.100000000000001" customHeight="1">
      <c r="A17" s="20" t="s">
        <v>31</v>
      </c>
      <c r="B17" s="20"/>
      <c r="C17" s="36">
        <v>12253</v>
      </c>
      <c r="D17" s="37">
        <v>6326</v>
      </c>
      <c r="E17" s="37">
        <v>5927</v>
      </c>
      <c r="F17" s="37"/>
      <c r="G17" s="39" t="s">
        <v>32</v>
      </c>
      <c r="H17" s="40"/>
      <c r="I17" s="36">
        <v>15022</v>
      </c>
      <c r="J17" s="37">
        <v>7830</v>
      </c>
      <c r="K17" s="37">
        <v>7192</v>
      </c>
    </row>
    <row r="18" spans="1:11" ht="15" customHeight="1">
      <c r="A18" s="17" t="s">
        <v>33</v>
      </c>
      <c r="B18" s="17"/>
      <c r="C18" s="36">
        <v>2508</v>
      </c>
      <c r="D18" s="19">
        <v>1244</v>
      </c>
      <c r="E18" s="19">
        <v>1264</v>
      </c>
      <c r="F18" s="19"/>
      <c r="G18" s="18" t="s">
        <v>34</v>
      </c>
      <c r="H18" s="17"/>
      <c r="I18" s="36">
        <v>3281</v>
      </c>
      <c r="J18" s="19">
        <v>1734</v>
      </c>
      <c r="K18" s="19">
        <v>1547</v>
      </c>
    </row>
    <row r="19" spans="1:11" ht="15" customHeight="1">
      <c r="A19" s="17" t="s">
        <v>35</v>
      </c>
      <c r="B19" s="17"/>
      <c r="C19" s="36">
        <v>2442</v>
      </c>
      <c r="D19" s="19">
        <v>1291</v>
      </c>
      <c r="E19" s="19">
        <v>1151</v>
      </c>
      <c r="F19" s="19"/>
      <c r="G19" s="18" t="s">
        <v>36</v>
      </c>
      <c r="H19" s="17"/>
      <c r="I19" s="36">
        <v>3082</v>
      </c>
      <c r="J19" s="19">
        <v>1652</v>
      </c>
      <c r="K19" s="19">
        <v>1430</v>
      </c>
    </row>
    <row r="20" spans="1:11" ht="15" customHeight="1">
      <c r="A20" s="17" t="s">
        <v>37</v>
      </c>
      <c r="B20" s="17"/>
      <c r="C20" s="36">
        <v>2497</v>
      </c>
      <c r="D20" s="19">
        <v>1291</v>
      </c>
      <c r="E20" s="19">
        <v>1206</v>
      </c>
      <c r="F20" s="19"/>
      <c r="G20" s="18" t="s">
        <v>38</v>
      </c>
      <c r="H20" s="17"/>
      <c r="I20" s="36">
        <v>3015</v>
      </c>
      <c r="J20" s="19">
        <v>1539</v>
      </c>
      <c r="K20" s="19">
        <v>1476</v>
      </c>
    </row>
    <row r="21" spans="1:11" ht="15" customHeight="1">
      <c r="A21" s="17" t="s">
        <v>39</v>
      </c>
      <c r="B21" s="17"/>
      <c r="C21" s="36">
        <v>2368</v>
      </c>
      <c r="D21" s="19">
        <v>1197</v>
      </c>
      <c r="E21" s="19">
        <v>1171</v>
      </c>
      <c r="F21" s="19"/>
      <c r="G21" s="18" t="s">
        <v>40</v>
      </c>
      <c r="H21" s="17"/>
      <c r="I21" s="36">
        <v>2764</v>
      </c>
      <c r="J21" s="19">
        <v>1412</v>
      </c>
      <c r="K21" s="19">
        <v>1352</v>
      </c>
    </row>
    <row r="22" spans="1:11" ht="15" customHeight="1">
      <c r="A22" s="17" t="s">
        <v>41</v>
      </c>
      <c r="B22" s="17"/>
      <c r="C22" s="36">
        <v>2438</v>
      </c>
      <c r="D22" s="19">
        <v>1303</v>
      </c>
      <c r="E22" s="19">
        <v>1135</v>
      </c>
      <c r="F22" s="19"/>
      <c r="G22" s="18" t="s">
        <v>42</v>
      </c>
      <c r="H22" s="17"/>
      <c r="I22" s="36">
        <v>2880</v>
      </c>
      <c r="J22" s="19">
        <v>1493</v>
      </c>
      <c r="K22" s="19">
        <v>1387</v>
      </c>
    </row>
    <row r="23" spans="1:11" ht="20.100000000000001" customHeight="1">
      <c r="A23" s="40" t="s">
        <v>43</v>
      </c>
      <c r="B23" s="40"/>
      <c r="C23" s="36">
        <v>11920</v>
      </c>
      <c r="D23" s="37">
        <v>6008</v>
      </c>
      <c r="E23" s="37">
        <v>5912</v>
      </c>
      <c r="F23" s="37"/>
      <c r="G23" s="39" t="s">
        <v>44</v>
      </c>
      <c r="H23" s="40"/>
      <c r="I23" s="36">
        <v>14845</v>
      </c>
      <c r="J23" s="37">
        <v>7673</v>
      </c>
      <c r="K23" s="37">
        <v>7172</v>
      </c>
    </row>
    <row r="24" spans="1:11" ht="15" customHeight="1">
      <c r="A24" s="17" t="s">
        <v>45</v>
      </c>
      <c r="B24" s="17"/>
      <c r="C24" s="36">
        <v>2258</v>
      </c>
      <c r="D24" s="19">
        <v>1116</v>
      </c>
      <c r="E24" s="19">
        <v>1142</v>
      </c>
      <c r="F24" s="19"/>
      <c r="G24" s="18" t="s">
        <v>46</v>
      </c>
      <c r="H24" s="17"/>
      <c r="I24" s="36">
        <v>2907</v>
      </c>
      <c r="J24" s="19">
        <v>1539</v>
      </c>
      <c r="K24" s="19">
        <v>1368</v>
      </c>
    </row>
    <row r="25" spans="1:11" ht="15" customHeight="1">
      <c r="A25" s="17" t="s">
        <v>47</v>
      </c>
      <c r="B25" s="17"/>
      <c r="C25" s="36">
        <v>2333</v>
      </c>
      <c r="D25" s="19">
        <v>1191</v>
      </c>
      <c r="E25" s="19">
        <v>1142</v>
      </c>
      <c r="F25" s="19"/>
      <c r="G25" s="18" t="s">
        <v>48</v>
      </c>
      <c r="H25" s="17"/>
      <c r="I25" s="36">
        <v>2922</v>
      </c>
      <c r="J25" s="19">
        <v>1522</v>
      </c>
      <c r="K25" s="19">
        <v>1400</v>
      </c>
    </row>
    <row r="26" spans="1:11">
      <c r="A26" s="17" t="s">
        <v>49</v>
      </c>
      <c r="B26" s="17"/>
      <c r="C26" s="36">
        <v>2290</v>
      </c>
      <c r="D26" s="19">
        <v>1171</v>
      </c>
      <c r="E26" s="19">
        <v>1119</v>
      </c>
      <c r="F26" s="19"/>
      <c r="G26" s="18" t="s">
        <v>50</v>
      </c>
      <c r="H26" s="17"/>
      <c r="I26" s="36">
        <v>2901</v>
      </c>
      <c r="J26" s="19">
        <v>1487</v>
      </c>
      <c r="K26" s="19">
        <v>1414</v>
      </c>
    </row>
    <row r="27" spans="1:11" ht="15" customHeight="1">
      <c r="A27" s="17" t="s">
        <v>51</v>
      </c>
      <c r="B27" s="17"/>
      <c r="C27" s="36">
        <v>2439</v>
      </c>
      <c r="D27" s="19">
        <v>1191</v>
      </c>
      <c r="E27" s="19">
        <v>1248</v>
      </c>
      <c r="F27" s="19"/>
      <c r="G27" s="18" t="s">
        <v>52</v>
      </c>
      <c r="H27" s="17"/>
      <c r="I27" s="36">
        <v>3017</v>
      </c>
      <c r="J27" s="19">
        <v>1523</v>
      </c>
      <c r="K27" s="19">
        <v>1494</v>
      </c>
    </row>
    <row r="28" spans="1:11" ht="15" customHeight="1">
      <c r="A28" s="17" t="s">
        <v>53</v>
      </c>
      <c r="B28" s="17"/>
      <c r="C28" s="36">
        <v>2600</v>
      </c>
      <c r="D28" s="19">
        <v>1339</v>
      </c>
      <c r="E28" s="19">
        <v>1261</v>
      </c>
      <c r="F28" s="19"/>
      <c r="G28" s="18" t="s">
        <v>54</v>
      </c>
      <c r="H28" s="17"/>
      <c r="I28" s="36">
        <v>3098</v>
      </c>
      <c r="J28" s="19">
        <v>1602</v>
      </c>
      <c r="K28" s="19">
        <v>1496</v>
      </c>
    </row>
    <row r="29" spans="1:11" ht="20.100000000000001" customHeight="1">
      <c r="A29" s="40" t="s">
        <v>55</v>
      </c>
      <c r="B29" s="40"/>
      <c r="C29" s="36">
        <v>15871</v>
      </c>
      <c r="D29" s="37">
        <v>8191</v>
      </c>
      <c r="E29" s="37">
        <v>7680</v>
      </c>
      <c r="F29" s="37"/>
      <c r="G29" s="39" t="s">
        <v>56</v>
      </c>
      <c r="H29" s="40"/>
      <c r="I29" s="36">
        <v>16678</v>
      </c>
      <c r="J29" s="37">
        <v>8224</v>
      </c>
      <c r="K29" s="37">
        <v>8454</v>
      </c>
    </row>
    <row r="30" spans="1:11" ht="15" customHeight="1">
      <c r="A30" s="17" t="s">
        <v>57</v>
      </c>
      <c r="B30" s="17"/>
      <c r="C30" s="36">
        <v>2763</v>
      </c>
      <c r="D30" s="19">
        <v>1422</v>
      </c>
      <c r="E30" s="19">
        <v>1341</v>
      </c>
      <c r="F30" s="19">
        <v>1341</v>
      </c>
      <c r="G30" s="18" t="s">
        <v>58</v>
      </c>
      <c r="H30" s="17"/>
      <c r="I30" s="36">
        <v>3309</v>
      </c>
      <c r="J30" s="19">
        <v>1644</v>
      </c>
      <c r="K30" s="19">
        <v>1665</v>
      </c>
    </row>
    <row r="31" spans="1:11" ht="15" customHeight="1">
      <c r="A31" s="17" t="s">
        <v>59</v>
      </c>
      <c r="B31" s="17"/>
      <c r="C31" s="36">
        <v>2874</v>
      </c>
      <c r="D31" s="19">
        <v>1443</v>
      </c>
      <c r="E31" s="19">
        <v>1431</v>
      </c>
      <c r="F31" s="19">
        <v>1431</v>
      </c>
      <c r="G31" s="18" t="s">
        <v>60</v>
      </c>
      <c r="H31" s="17"/>
      <c r="I31" s="36">
        <v>3720</v>
      </c>
      <c r="J31" s="19">
        <v>1934</v>
      </c>
      <c r="K31" s="19">
        <v>1786</v>
      </c>
    </row>
    <row r="32" spans="1:11" ht="15" customHeight="1">
      <c r="A32" s="17" t="s">
        <v>61</v>
      </c>
      <c r="B32" s="17"/>
      <c r="C32" s="36">
        <v>3072</v>
      </c>
      <c r="D32" s="19">
        <v>1599</v>
      </c>
      <c r="E32" s="19">
        <v>1473</v>
      </c>
      <c r="F32" s="19">
        <v>1473</v>
      </c>
      <c r="G32" s="18" t="s">
        <v>62</v>
      </c>
      <c r="H32" s="17"/>
      <c r="I32" s="36">
        <v>3722</v>
      </c>
      <c r="J32" s="19">
        <v>1805</v>
      </c>
      <c r="K32" s="19">
        <v>1917</v>
      </c>
    </row>
    <row r="33" spans="1:11" ht="15" customHeight="1">
      <c r="A33" s="17" t="s">
        <v>63</v>
      </c>
      <c r="B33" s="17"/>
      <c r="C33" s="36">
        <v>3484</v>
      </c>
      <c r="D33" s="19">
        <v>1777</v>
      </c>
      <c r="E33" s="19">
        <v>1707</v>
      </c>
      <c r="F33" s="19">
        <v>1707</v>
      </c>
      <c r="G33" s="18" t="s">
        <v>64</v>
      </c>
      <c r="H33" s="17"/>
      <c r="I33" s="36">
        <v>3565</v>
      </c>
      <c r="J33" s="19">
        <v>1728</v>
      </c>
      <c r="K33" s="19">
        <v>1837</v>
      </c>
    </row>
    <row r="34" spans="1:11" ht="15" customHeight="1">
      <c r="A34" s="17" t="s">
        <v>65</v>
      </c>
      <c r="B34" s="17"/>
      <c r="C34" s="36">
        <v>3678</v>
      </c>
      <c r="D34" s="19">
        <v>1950</v>
      </c>
      <c r="E34" s="19">
        <v>1728</v>
      </c>
      <c r="F34" s="19">
        <v>1728</v>
      </c>
      <c r="G34" s="18" t="s">
        <v>66</v>
      </c>
      <c r="H34" s="17"/>
      <c r="I34" s="36">
        <v>2362</v>
      </c>
      <c r="J34" s="19">
        <v>1113</v>
      </c>
      <c r="K34" s="19">
        <v>1249</v>
      </c>
    </row>
    <row r="35" spans="1:11" ht="20.100000000000001" customHeight="1">
      <c r="A35" s="40" t="s">
        <v>67</v>
      </c>
      <c r="B35" s="40"/>
      <c r="C35" s="36">
        <v>18799</v>
      </c>
      <c r="D35" s="37">
        <v>10195</v>
      </c>
      <c r="E35" s="37">
        <v>8604</v>
      </c>
      <c r="F35" s="37"/>
      <c r="G35" s="39" t="s">
        <v>68</v>
      </c>
      <c r="H35" s="40"/>
      <c r="I35" s="36">
        <v>12179</v>
      </c>
      <c r="J35" s="37">
        <v>5627</v>
      </c>
      <c r="K35" s="37">
        <v>6552</v>
      </c>
    </row>
    <row r="36" spans="1:11" ht="15" customHeight="1">
      <c r="A36" s="17" t="s">
        <v>69</v>
      </c>
      <c r="B36" s="17"/>
      <c r="C36" s="36">
        <v>3730</v>
      </c>
      <c r="D36" s="19">
        <v>2009</v>
      </c>
      <c r="E36" s="19">
        <v>1721</v>
      </c>
      <c r="F36" s="19"/>
      <c r="G36" s="18" t="s">
        <v>70</v>
      </c>
      <c r="H36" s="17"/>
      <c r="I36" s="36">
        <v>2149</v>
      </c>
      <c r="J36" s="19">
        <v>1052</v>
      </c>
      <c r="K36" s="19">
        <v>1097</v>
      </c>
    </row>
    <row r="37" spans="1:11" ht="15" customHeight="1">
      <c r="A37" s="17" t="s">
        <v>71</v>
      </c>
      <c r="B37" s="17"/>
      <c r="C37" s="36">
        <v>3953</v>
      </c>
      <c r="D37" s="19">
        <v>2157</v>
      </c>
      <c r="E37" s="19">
        <v>1796</v>
      </c>
      <c r="F37" s="19"/>
      <c r="G37" s="18" t="s">
        <v>72</v>
      </c>
      <c r="H37" s="17"/>
      <c r="I37" s="36">
        <v>2591</v>
      </c>
      <c r="J37" s="19">
        <v>1214</v>
      </c>
      <c r="K37" s="19">
        <v>1377</v>
      </c>
    </row>
    <row r="38" spans="1:11" ht="15" customHeight="1">
      <c r="A38" s="17" t="s">
        <v>73</v>
      </c>
      <c r="B38" s="17"/>
      <c r="C38" s="36">
        <v>3830</v>
      </c>
      <c r="D38" s="19">
        <v>2088</v>
      </c>
      <c r="E38" s="19">
        <v>1742</v>
      </c>
      <c r="F38" s="19"/>
      <c r="G38" s="18" t="s">
        <v>74</v>
      </c>
      <c r="H38" s="17"/>
      <c r="I38" s="36">
        <v>2632</v>
      </c>
      <c r="J38" s="19">
        <v>1225</v>
      </c>
      <c r="K38" s="19">
        <v>1407</v>
      </c>
    </row>
    <row r="39" spans="1:11" ht="15" customHeight="1">
      <c r="A39" s="17" t="s">
        <v>75</v>
      </c>
      <c r="B39" s="17"/>
      <c r="C39" s="36">
        <v>3631</v>
      </c>
      <c r="D39" s="19">
        <v>1936</v>
      </c>
      <c r="E39" s="19">
        <v>1695</v>
      </c>
      <c r="F39" s="19"/>
      <c r="G39" s="18" t="s">
        <v>76</v>
      </c>
      <c r="H39" s="17"/>
      <c r="I39" s="36">
        <v>2420</v>
      </c>
      <c r="J39" s="19">
        <v>1092</v>
      </c>
      <c r="K39" s="19">
        <v>1328</v>
      </c>
    </row>
    <row r="40" spans="1:11" ht="15" customHeight="1">
      <c r="A40" s="17" t="s">
        <v>77</v>
      </c>
      <c r="B40" s="17"/>
      <c r="C40" s="36">
        <v>3655</v>
      </c>
      <c r="D40" s="19">
        <v>2005</v>
      </c>
      <c r="E40" s="19">
        <v>1650</v>
      </c>
      <c r="F40" s="19"/>
      <c r="G40" s="18" t="s">
        <v>78</v>
      </c>
      <c r="H40" s="17"/>
      <c r="I40" s="36">
        <v>2387</v>
      </c>
      <c r="J40" s="19">
        <v>1044</v>
      </c>
      <c r="K40" s="19">
        <v>1343</v>
      </c>
    </row>
    <row r="41" spans="1:11" ht="20.100000000000001" customHeight="1">
      <c r="A41" s="40" t="s">
        <v>79</v>
      </c>
      <c r="B41" s="40"/>
      <c r="C41" s="36">
        <v>18634</v>
      </c>
      <c r="D41" s="37">
        <v>9923</v>
      </c>
      <c r="E41" s="37">
        <v>8711</v>
      </c>
      <c r="F41" s="37"/>
      <c r="G41" s="39" t="s">
        <v>80</v>
      </c>
      <c r="H41" s="40"/>
      <c r="I41" s="36">
        <v>8761</v>
      </c>
      <c r="J41" s="37">
        <v>3538</v>
      </c>
      <c r="K41" s="37">
        <v>5223</v>
      </c>
    </row>
    <row r="42" spans="1:11" ht="15" customHeight="1">
      <c r="A42" s="17" t="s">
        <v>81</v>
      </c>
      <c r="B42" s="17"/>
      <c r="C42" s="36">
        <v>3702</v>
      </c>
      <c r="D42" s="19">
        <v>2010</v>
      </c>
      <c r="E42" s="19">
        <v>1692</v>
      </c>
      <c r="F42" s="19"/>
      <c r="G42" s="18" t="s">
        <v>82</v>
      </c>
      <c r="H42" s="17"/>
      <c r="I42" s="36">
        <v>2086</v>
      </c>
      <c r="J42" s="19">
        <v>917</v>
      </c>
      <c r="K42" s="19">
        <v>1169</v>
      </c>
    </row>
    <row r="43" spans="1:11" ht="15" customHeight="1">
      <c r="A43" s="17" t="s">
        <v>83</v>
      </c>
      <c r="B43" s="17"/>
      <c r="C43" s="36">
        <v>3576</v>
      </c>
      <c r="D43" s="19">
        <v>1885</v>
      </c>
      <c r="E43" s="19">
        <v>1691</v>
      </c>
      <c r="F43" s="19"/>
      <c r="G43" s="18" t="s">
        <v>84</v>
      </c>
      <c r="H43" s="17"/>
      <c r="I43" s="36">
        <v>1751</v>
      </c>
      <c r="J43" s="19">
        <v>719</v>
      </c>
      <c r="K43" s="19">
        <v>1032</v>
      </c>
    </row>
    <row r="44" spans="1:11" ht="15" customHeight="1">
      <c r="A44" s="17" t="s">
        <v>85</v>
      </c>
      <c r="B44" s="17"/>
      <c r="C44" s="36">
        <v>3785</v>
      </c>
      <c r="D44" s="19">
        <v>2025</v>
      </c>
      <c r="E44" s="19">
        <v>1760</v>
      </c>
      <c r="F44" s="19"/>
      <c r="G44" s="18" t="s">
        <v>86</v>
      </c>
      <c r="H44" s="17"/>
      <c r="I44" s="36">
        <v>1629</v>
      </c>
      <c r="J44" s="19">
        <v>652</v>
      </c>
      <c r="K44" s="19">
        <v>977</v>
      </c>
    </row>
    <row r="45" spans="1:11" ht="15" customHeight="1">
      <c r="A45" s="17" t="s">
        <v>87</v>
      </c>
      <c r="B45" s="17"/>
      <c r="C45" s="36">
        <v>3731</v>
      </c>
      <c r="D45" s="19">
        <v>1986</v>
      </c>
      <c r="E45" s="19">
        <v>1745</v>
      </c>
      <c r="F45" s="19"/>
      <c r="G45" s="18" t="s">
        <v>88</v>
      </c>
      <c r="H45" s="17"/>
      <c r="I45" s="36">
        <v>1701</v>
      </c>
      <c r="J45" s="19">
        <v>681</v>
      </c>
      <c r="K45" s="19">
        <v>1020</v>
      </c>
    </row>
    <row r="46" spans="1:11" ht="15" customHeight="1">
      <c r="A46" s="17" t="s">
        <v>89</v>
      </c>
      <c r="B46" s="17"/>
      <c r="C46" s="36">
        <v>3840</v>
      </c>
      <c r="D46" s="19">
        <v>2017</v>
      </c>
      <c r="E46" s="19">
        <v>1823</v>
      </c>
      <c r="F46" s="19"/>
      <c r="G46" s="18" t="s">
        <v>90</v>
      </c>
      <c r="H46" s="17"/>
      <c r="I46" s="36">
        <v>1594</v>
      </c>
      <c r="J46" s="19">
        <v>569</v>
      </c>
      <c r="K46" s="19">
        <v>1025</v>
      </c>
    </row>
    <row r="47" spans="1:11" ht="20.100000000000001" customHeight="1">
      <c r="A47" s="40" t="s">
        <v>91</v>
      </c>
      <c r="B47" s="40"/>
      <c r="C47" s="36">
        <v>20903</v>
      </c>
      <c r="D47" s="37">
        <v>11047</v>
      </c>
      <c r="E47" s="37">
        <v>9856</v>
      </c>
      <c r="F47" s="37"/>
      <c r="G47" s="39" t="s">
        <v>92</v>
      </c>
      <c r="H47" s="40"/>
      <c r="I47" s="36">
        <v>5752</v>
      </c>
      <c r="J47" s="37">
        <v>1948</v>
      </c>
      <c r="K47" s="37">
        <v>3804</v>
      </c>
    </row>
    <row r="48" spans="1:11" ht="15" customHeight="1">
      <c r="A48" s="17" t="s">
        <v>93</v>
      </c>
      <c r="B48" s="17"/>
      <c r="C48" s="36">
        <v>4087</v>
      </c>
      <c r="D48" s="19">
        <v>2156</v>
      </c>
      <c r="E48" s="19">
        <v>1931</v>
      </c>
      <c r="F48" s="19"/>
      <c r="G48" s="18" t="s">
        <v>94</v>
      </c>
      <c r="H48" s="17"/>
      <c r="I48" s="36">
        <v>1482</v>
      </c>
      <c r="J48" s="19">
        <v>538</v>
      </c>
      <c r="K48" s="19">
        <v>944</v>
      </c>
    </row>
    <row r="49" spans="1:11" ht="15" customHeight="1">
      <c r="A49" s="17" t="s">
        <v>95</v>
      </c>
      <c r="B49" s="17"/>
      <c r="C49" s="36">
        <v>4180</v>
      </c>
      <c r="D49" s="19">
        <v>2254</v>
      </c>
      <c r="E49" s="19">
        <v>1926</v>
      </c>
      <c r="F49" s="19"/>
      <c r="G49" s="18" t="s">
        <v>96</v>
      </c>
      <c r="H49" s="17"/>
      <c r="I49" s="36">
        <v>1207</v>
      </c>
      <c r="J49" s="19">
        <v>420</v>
      </c>
      <c r="K49" s="19">
        <v>787</v>
      </c>
    </row>
    <row r="50" spans="1:11" ht="15" customHeight="1">
      <c r="A50" s="17" t="s">
        <v>97</v>
      </c>
      <c r="B50" s="17"/>
      <c r="C50" s="36">
        <v>4226</v>
      </c>
      <c r="D50" s="19">
        <v>2248</v>
      </c>
      <c r="E50" s="19">
        <v>1978</v>
      </c>
      <c r="F50" s="19"/>
      <c r="G50" s="18" t="s">
        <v>98</v>
      </c>
      <c r="H50" s="17"/>
      <c r="I50" s="36">
        <v>1150</v>
      </c>
      <c r="J50" s="19">
        <v>376</v>
      </c>
      <c r="K50" s="19">
        <v>774</v>
      </c>
    </row>
    <row r="51" spans="1:11" ht="15" customHeight="1">
      <c r="A51" s="17" t="s">
        <v>99</v>
      </c>
      <c r="B51" s="17"/>
      <c r="C51" s="36">
        <v>4178</v>
      </c>
      <c r="D51" s="19">
        <v>2201</v>
      </c>
      <c r="E51" s="19">
        <v>1977</v>
      </c>
      <c r="F51" s="19"/>
      <c r="G51" s="18" t="s">
        <v>100</v>
      </c>
      <c r="H51" s="17"/>
      <c r="I51" s="36">
        <v>1033</v>
      </c>
      <c r="J51" s="19">
        <v>348</v>
      </c>
      <c r="K51" s="19">
        <v>685</v>
      </c>
    </row>
    <row r="52" spans="1:11" ht="15" customHeight="1">
      <c r="A52" s="17" t="s">
        <v>101</v>
      </c>
      <c r="B52" s="17"/>
      <c r="C52" s="36">
        <v>4232</v>
      </c>
      <c r="D52" s="19">
        <v>2188</v>
      </c>
      <c r="E52" s="19">
        <v>2044</v>
      </c>
      <c r="F52" s="19"/>
      <c r="G52" s="18" t="s">
        <v>102</v>
      </c>
      <c r="H52" s="17"/>
      <c r="I52" s="36">
        <v>880</v>
      </c>
      <c r="J52" s="19">
        <v>266</v>
      </c>
      <c r="K52" s="19">
        <v>614</v>
      </c>
    </row>
    <row r="53" spans="1:11" ht="20.100000000000001" customHeight="1">
      <c r="A53" s="40" t="s">
        <v>103</v>
      </c>
      <c r="B53" s="40"/>
      <c r="C53" s="36">
        <v>21937</v>
      </c>
      <c r="D53" s="37">
        <v>11765</v>
      </c>
      <c r="E53" s="37">
        <v>10172</v>
      </c>
      <c r="F53" s="37"/>
      <c r="G53" s="39" t="s">
        <v>104</v>
      </c>
      <c r="H53" s="40"/>
      <c r="I53" s="36">
        <v>2495</v>
      </c>
      <c r="J53" s="37">
        <v>751</v>
      </c>
      <c r="K53" s="37">
        <v>1744</v>
      </c>
    </row>
    <row r="54" spans="1:11" ht="15" customHeight="1">
      <c r="A54" s="17" t="s">
        <v>105</v>
      </c>
      <c r="B54" s="17"/>
      <c r="C54" s="36">
        <v>4031</v>
      </c>
      <c r="D54" s="19">
        <v>2188</v>
      </c>
      <c r="E54" s="19">
        <v>1843</v>
      </c>
      <c r="F54" s="19"/>
      <c r="G54" s="18" t="s">
        <v>106</v>
      </c>
      <c r="H54" s="17"/>
      <c r="I54" s="36">
        <v>706</v>
      </c>
      <c r="J54" s="19">
        <v>232</v>
      </c>
      <c r="K54" s="19">
        <v>474</v>
      </c>
    </row>
    <row r="55" spans="1:11" ht="15" customHeight="1">
      <c r="A55" s="17" t="s">
        <v>107</v>
      </c>
      <c r="B55" s="17"/>
      <c r="C55" s="36">
        <v>4320</v>
      </c>
      <c r="D55" s="19">
        <v>2331</v>
      </c>
      <c r="E55" s="19">
        <v>1989</v>
      </c>
      <c r="F55" s="19"/>
      <c r="G55" s="18" t="s">
        <v>108</v>
      </c>
      <c r="H55" s="17"/>
      <c r="I55" s="36">
        <v>601</v>
      </c>
      <c r="J55" s="19">
        <v>178</v>
      </c>
      <c r="K55" s="19">
        <v>423</v>
      </c>
    </row>
    <row r="56" spans="1:11" ht="15" customHeight="1">
      <c r="A56" s="17" t="s">
        <v>109</v>
      </c>
      <c r="B56" s="17"/>
      <c r="C56" s="36">
        <v>4367</v>
      </c>
      <c r="D56" s="19">
        <v>2316</v>
      </c>
      <c r="E56" s="19">
        <v>2051</v>
      </c>
      <c r="F56" s="19"/>
      <c r="G56" s="18" t="s">
        <v>110</v>
      </c>
      <c r="H56" s="17"/>
      <c r="I56" s="36">
        <v>513</v>
      </c>
      <c r="J56" s="19">
        <v>156</v>
      </c>
      <c r="K56" s="19">
        <v>357</v>
      </c>
    </row>
    <row r="57" spans="1:11" ht="15" customHeight="1">
      <c r="A57" s="17" t="s">
        <v>111</v>
      </c>
      <c r="B57" s="17"/>
      <c r="C57" s="36">
        <v>4495</v>
      </c>
      <c r="D57" s="19">
        <v>2443</v>
      </c>
      <c r="E57" s="19">
        <v>2052</v>
      </c>
      <c r="F57" s="19"/>
      <c r="G57" s="18" t="s">
        <v>112</v>
      </c>
      <c r="H57" s="17"/>
      <c r="I57" s="36">
        <v>394</v>
      </c>
      <c r="J57" s="19">
        <v>119</v>
      </c>
      <c r="K57" s="19">
        <v>275</v>
      </c>
    </row>
    <row r="58" spans="1:11" ht="15" customHeight="1">
      <c r="A58" s="17" t="s">
        <v>113</v>
      </c>
      <c r="B58" s="17"/>
      <c r="C58" s="36">
        <v>4724</v>
      </c>
      <c r="D58" s="19">
        <v>2487</v>
      </c>
      <c r="E58" s="19">
        <v>2237</v>
      </c>
      <c r="F58" s="19"/>
      <c r="G58" s="18" t="s">
        <v>114</v>
      </c>
      <c r="H58" s="17"/>
      <c r="I58" s="36">
        <v>281</v>
      </c>
      <c r="J58" s="19">
        <v>66</v>
      </c>
      <c r="K58" s="19">
        <v>215</v>
      </c>
    </row>
    <row r="59" spans="1:11" ht="20.100000000000001" customHeight="1">
      <c r="A59" s="17" t="s">
        <v>115</v>
      </c>
      <c r="B59" s="17"/>
      <c r="C59" s="36">
        <v>25730</v>
      </c>
      <c r="D59" s="37">
        <v>13866</v>
      </c>
      <c r="E59" s="37">
        <v>11864</v>
      </c>
      <c r="F59" s="37"/>
      <c r="G59" s="39" t="s">
        <v>116</v>
      </c>
      <c r="H59" s="40"/>
      <c r="I59" s="36">
        <v>642</v>
      </c>
      <c r="J59" s="37">
        <v>135</v>
      </c>
      <c r="K59" s="37">
        <v>507</v>
      </c>
    </row>
    <row r="60" spans="1:11" ht="15" customHeight="1">
      <c r="A60" s="17" t="s">
        <v>117</v>
      </c>
      <c r="B60" s="17"/>
      <c r="C60" s="36">
        <v>4887</v>
      </c>
      <c r="D60" s="19">
        <v>2677</v>
      </c>
      <c r="E60" s="19">
        <v>2210</v>
      </c>
      <c r="F60" s="19"/>
      <c r="G60" s="18" t="s">
        <v>118</v>
      </c>
      <c r="H60" s="17"/>
      <c r="I60" s="36">
        <v>224</v>
      </c>
      <c r="J60" s="19">
        <v>60</v>
      </c>
      <c r="K60" s="19">
        <v>164</v>
      </c>
    </row>
    <row r="61" spans="1:11" ht="15" customHeight="1">
      <c r="A61" s="17" t="s">
        <v>119</v>
      </c>
      <c r="B61" s="17"/>
      <c r="C61" s="36">
        <v>5116</v>
      </c>
      <c r="D61" s="19">
        <v>2699</v>
      </c>
      <c r="E61" s="19">
        <v>2417</v>
      </c>
      <c r="F61" s="19"/>
      <c r="G61" s="18" t="s">
        <v>120</v>
      </c>
      <c r="H61" s="17"/>
      <c r="I61" s="36">
        <v>168</v>
      </c>
      <c r="J61" s="19">
        <v>35</v>
      </c>
      <c r="K61" s="19">
        <v>133</v>
      </c>
    </row>
    <row r="62" spans="1:11" ht="15" customHeight="1">
      <c r="A62" s="17" t="s">
        <v>121</v>
      </c>
      <c r="B62" s="17"/>
      <c r="C62" s="36">
        <v>5348</v>
      </c>
      <c r="D62" s="19">
        <v>2867</v>
      </c>
      <c r="E62" s="19">
        <v>2481</v>
      </c>
      <c r="F62" s="19"/>
      <c r="G62" s="18" t="s">
        <v>122</v>
      </c>
      <c r="H62" s="17"/>
      <c r="I62" s="36">
        <v>118</v>
      </c>
      <c r="J62" s="19">
        <v>18</v>
      </c>
      <c r="K62" s="19">
        <v>100</v>
      </c>
    </row>
    <row r="63" spans="1:11" ht="15" customHeight="1">
      <c r="A63" s="17" t="s">
        <v>123</v>
      </c>
      <c r="B63" s="17"/>
      <c r="C63" s="36">
        <v>5295</v>
      </c>
      <c r="D63" s="19">
        <v>2848</v>
      </c>
      <c r="E63" s="19">
        <v>2447</v>
      </c>
      <c r="F63" s="19"/>
      <c r="G63" s="18" t="s">
        <v>124</v>
      </c>
      <c r="H63" s="17"/>
      <c r="I63" s="36">
        <v>70</v>
      </c>
      <c r="J63" s="19">
        <v>13</v>
      </c>
      <c r="K63" s="19">
        <v>57</v>
      </c>
    </row>
    <row r="64" spans="1:11" ht="15" customHeight="1">
      <c r="A64" s="17" t="s">
        <v>125</v>
      </c>
      <c r="B64" s="17"/>
      <c r="C64" s="36">
        <v>5084</v>
      </c>
      <c r="D64" s="19">
        <v>2775</v>
      </c>
      <c r="E64" s="19">
        <v>2309</v>
      </c>
      <c r="F64" s="19"/>
      <c r="G64" s="18" t="s">
        <v>126</v>
      </c>
      <c r="H64" s="17"/>
      <c r="I64" s="36">
        <v>62</v>
      </c>
      <c r="J64" s="19">
        <v>9</v>
      </c>
      <c r="K64" s="19">
        <v>5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36">
        <v>95</v>
      </c>
      <c r="J65" s="19">
        <v>14</v>
      </c>
      <c r="K65" s="19">
        <v>8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41">
        <v>9006</v>
      </c>
      <c r="J66" s="29">
        <v>5327</v>
      </c>
      <c r="K66" s="29">
        <v>367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4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87289</v>
      </c>
      <c r="D4" s="14">
        <v>193200</v>
      </c>
      <c r="E4" s="14">
        <v>19408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1211</v>
      </c>
      <c r="D5" s="14">
        <v>5825</v>
      </c>
      <c r="E5" s="14">
        <v>5386</v>
      </c>
      <c r="F5" s="14"/>
      <c r="G5" s="18" t="s">
        <v>8</v>
      </c>
      <c r="H5" s="17"/>
      <c r="I5" s="13">
        <v>28156</v>
      </c>
      <c r="J5" s="14">
        <v>14495</v>
      </c>
      <c r="K5" s="14">
        <v>13661</v>
      </c>
    </row>
    <row r="6" spans="1:11" ht="15" customHeight="1">
      <c r="A6" s="17" t="s">
        <v>9</v>
      </c>
      <c r="B6" s="17"/>
      <c r="C6" s="13">
        <v>1971</v>
      </c>
      <c r="D6" s="19">
        <v>1010</v>
      </c>
      <c r="E6" s="19">
        <v>961</v>
      </c>
      <c r="F6" s="19"/>
      <c r="G6" s="18" t="s">
        <v>10</v>
      </c>
      <c r="H6" s="17"/>
      <c r="I6" s="13">
        <v>6184</v>
      </c>
      <c r="J6" s="19">
        <v>3181</v>
      </c>
      <c r="K6" s="19">
        <v>3003</v>
      </c>
    </row>
    <row r="7" spans="1:11" ht="15" customHeight="1">
      <c r="A7" s="17" t="s">
        <v>11</v>
      </c>
      <c r="B7" s="17"/>
      <c r="C7" s="13">
        <v>2166</v>
      </c>
      <c r="D7" s="19">
        <v>1131</v>
      </c>
      <c r="E7" s="19">
        <v>1035</v>
      </c>
      <c r="F7" s="19"/>
      <c r="G7" s="18" t="s">
        <v>12</v>
      </c>
      <c r="H7" s="17"/>
      <c r="I7" s="13">
        <v>5888</v>
      </c>
      <c r="J7" s="19">
        <v>3069</v>
      </c>
      <c r="K7" s="19">
        <v>2819</v>
      </c>
    </row>
    <row r="8" spans="1:11" ht="15" customHeight="1">
      <c r="A8" s="17" t="s">
        <v>13</v>
      </c>
      <c r="B8" s="17"/>
      <c r="C8" s="13">
        <v>2206</v>
      </c>
      <c r="D8" s="19">
        <v>1139</v>
      </c>
      <c r="E8" s="19">
        <v>1067</v>
      </c>
      <c r="F8" s="19"/>
      <c r="G8" s="18" t="s">
        <v>14</v>
      </c>
      <c r="H8" s="17"/>
      <c r="I8" s="13">
        <v>5789</v>
      </c>
      <c r="J8" s="19">
        <v>2951</v>
      </c>
      <c r="K8" s="19">
        <v>2838</v>
      </c>
    </row>
    <row r="9" spans="1:11" ht="15" customHeight="1">
      <c r="A9" s="17" t="s">
        <v>15</v>
      </c>
      <c r="B9" s="17"/>
      <c r="C9" s="13">
        <v>2338</v>
      </c>
      <c r="D9" s="19">
        <v>1206</v>
      </c>
      <c r="E9" s="19">
        <v>1132</v>
      </c>
      <c r="F9" s="19"/>
      <c r="G9" s="18" t="s">
        <v>16</v>
      </c>
      <c r="H9" s="17"/>
      <c r="I9" s="13">
        <v>5998</v>
      </c>
      <c r="J9" s="19">
        <v>3073</v>
      </c>
      <c r="K9" s="19">
        <v>2925</v>
      </c>
    </row>
    <row r="10" spans="1:11" ht="15" customHeight="1">
      <c r="A10" s="17" t="s">
        <v>17</v>
      </c>
      <c r="B10" s="17"/>
      <c r="C10" s="13">
        <v>2530</v>
      </c>
      <c r="D10" s="19">
        <v>1339</v>
      </c>
      <c r="E10" s="19">
        <v>1191</v>
      </c>
      <c r="F10" s="19"/>
      <c r="G10" s="18" t="s">
        <v>18</v>
      </c>
      <c r="H10" s="17"/>
      <c r="I10" s="13">
        <v>4297</v>
      </c>
      <c r="J10" s="19">
        <v>2221</v>
      </c>
      <c r="K10" s="19">
        <v>2076</v>
      </c>
    </row>
    <row r="11" spans="1:11" ht="20.100000000000001" customHeight="1">
      <c r="A11" s="17" t="s">
        <v>19</v>
      </c>
      <c r="B11" s="17"/>
      <c r="C11" s="13">
        <v>13822</v>
      </c>
      <c r="D11" s="14">
        <v>6982</v>
      </c>
      <c r="E11" s="14">
        <v>6840</v>
      </c>
      <c r="F11" s="14"/>
      <c r="G11" s="18" t="s">
        <v>20</v>
      </c>
      <c r="H11" s="17"/>
      <c r="I11" s="13">
        <v>24611</v>
      </c>
      <c r="J11" s="14">
        <v>12436</v>
      </c>
      <c r="K11" s="14">
        <v>12175</v>
      </c>
    </row>
    <row r="12" spans="1:11" ht="15" customHeight="1">
      <c r="A12" s="17" t="s">
        <v>21</v>
      </c>
      <c r="B12" s="17"/>
      <c r="C12" s="13">
        <v>2621</v>
      </c>
      <c r="D12" s="19">
        <v>1321</v>
      </c>
      <c r="E12" s="19">
        <v>1300</v>
      </c>
      <c r="F12" s="19"/>
      <c r="G12" s="18" t="s">
        <v>22</v>
      </c>
      <c r="H12" s="17"/>
      <c r="I12" s="13">
        <v>5430</v>
      </c>
      <c r="J12" s="19">
        <v>2758</v>
      </c>
      <c r="K12" s="19">
        <v>2672</v>
      </c>
    </row>
    <row r="13" spans="1:11" ht="15" customHeight="1">
      <c r="A13" s="17" t="s">
        <v>23</v>
      </c>
      <c r="B13" s="17"/>
      <c r="C13" s="13">
        <v>2688</v>
      </c>
      <c r="D13" s="19">
        <v>1366</v>
      </c>
      <c r="E13" s="19">
        <v>1322</v>
      </c>
      <c r="F13" s="19"/>
      <c r="G13" s="18" t="s">
        <v>24</v>
      </c>
      <c r="H13" s="17"/>
      <c r="I13" s="13">
        <v>4940</v>
      </c>
      <c r="J13" s="19">
        <v>2450</v>
      </c>
      <c r="K13" s="19">
        <v>2490</v>
      </c>
    </row>
    <row r="14" spans="1:11" ht="15" customHeight="1">
      <c r="A14" s="17" t="s">
        <v>25</v>
      </c>
      <c r="B14" s="17"/>
      <c r="C14" s="13">
        <v>2776</v>
      </c>
      <c r="D14" s="19">
        <v>1367</v>
      </c>
      <c r="E14" s="19">
        <v>1409</v>
      </c>
      <c r="F14" s="19"/>
      <c r="G14" s="18" t="s">
        <v>26</v>
      </c>
      <c r="H14" s="17"/>
      <c r="I14" s="13">
        <v>4920</v>
      </c>
      <c r="J14" s="19">
        <v>2490</v>
      </c>
      <c r="K14" s="19">
        <v>2430</v>
      </c>
    </row>
    <row r="15" spans="1:11" ht="15" customHeight="1">
      <c r="A15" s="17" t="s">
        <v>27</v>
      </c>
      <c r="B15" s="17"/>
      <c r="C15" s="13">
        <v>2765</v>
      </c>
      <c r="D15" s="19">
        <v>1444</v>
      </c>
      <c r="E15" s="19">
        <v>1321</v>
      </c>
      <c r="F15" s="19"/>
      <c r="G15" s="18" t="s">
        <v>28</v>
      </c>
      <c r="H15" s="17"/>
      <c r="I15" s="13">
        <v>4673</v>
      </c>
      <c r="J15" s="19">
        <v>2374</v>
      </c>
      <c r="K15" s="19">
        <v>2299</v>
      </c>
    </row>
    <row r="16" spans="1:11" ht="15" customHeight="1">
      <c r="A16" s="17" t="s">
        <v>29</v>
      </c>
      <c r="B16" s="17"/>
      <c r="C16" s="13">
        <v>2972</v>
      </c>
      <c r="D16" s="19">
        <v>1484</v>
      </c>
      <c r="E16" s="19">
        <v>1488</v>
      </c>
      <c r="F16" s="19"/>
      <c r="G16" s="18" t="s">
        <v>30</v>
      </c>
      <c r="H16" s="17"/>
      <c r="I16" s="13">
        <v>4648</v>
      </c>
      <c r="J16" s="19">
        <v>2364</v>
      </c>
      <c r="K16" s="19">
        <v>2284</v>
      </c>
    </row>
    <row r="17" spans="1:11" ht="20.100000000000001" customHeight="1">
      <c r="A17" s="20" t="s">
        <v>31</v>
      </c>
      <c r="B17" s="20"/>
      <c r="C17" s="13">
        <v>15407</v>
      </c>
      <c r="D17" s="14">
        <v>7889</v>
      </c>
      <c r="E17" s="14">
        <v>7518</v>
      </c>
      <c r="F17" s="14"/>
      <c r="G17" s="18" t="s">
        <v>32</v>
      </c>
      <c r="H17" s="17"/>
      <c r="I17" s="13">
        <v>22319</v>
      </c>
      <c r="J17" s="14">
        <v>11224</v>
      </c>
      <c r="K17" s="14">
        <v>11095</v>
      </c>
    </row>
    <row r="18" spans="1:11" ht="15" customHeight="1">
      <c r="A18" s="17" t="s">
        <v>33</v>
      </c>
      <c r="B18" s="17"/>
      <c r="C18" s="13">
        <v>3018</v>
      </c>
      <c r="D18" s="19">
        <v>1565</v>
      </c>
      <c r="E18" s="19">
        <v>1453</v>
      </c>
      <c r="F18" s="19"/>
      <c r="G18" s="18" t="s">
        <v>34</v>
      </c>
      <c r="H18" s="17"/>
      <c r="I18" s="13">
        <v>4510</v>
      </c>
      <c r="J18" s="19">
        <v>2238</v>
      </c>
      <c r="K18" s="19">
        <v>2272</v>
      </c>
    </row>
    <row r="19" spans="1:11" ht="15" customHeight="1">
      <c r="A19" s="17" t="s">
        <v>35</v>
      </c>
      <c r="B19" s="17"/>
      <c r="C19" s="13">
        <v>2936</v>
      </c>
      <c r="D19" s="19">
        <v>1500</v>
      </c>
      <c r="E19" s="19">
        <v>1436</v>
      </c>
      <c r="F19" s="19"/>
      <c r="G19" s="18" t="s">
        <v>36</v>
      </c>
      <c r="H19" s="17"/>
      <c r="I19" s="13">
        <v>4561</v>
      </c>
      <c r="J19" s="19">
        <v>2374</v>
      </c>
      <c r="K19" s="19">
        <v>2187</v>
      </c>
    </row>
    <row r="20" spans="1:11" ht="15" customHeight="1">
      <c r="A20" s="17" t="s">
        <v>37</v>
      </c>
      <c r="B20" s="17"/>
      <c r="C20" s="13">
        <v>3046</v>
      </c>
      <c r="D20" s="19">
        <v>1554</v>
      </c>
      <c r="E20" s="19">
        <v>1492</v>
      </c>
      <c r="F20" s="19"/>
      <c r="G20" s="18" t="s">
        <v>38</v>
      </c>
      <c r="H20" s="17"/>
      <c r="I20" s="13">
        <v>4469</v>
      </c>
      <c r="J20" s="19">
        <v>2258</v>
      </c>
      <c r="K20" s="19">
        <v>2211</v>
      </c>
    </row>
    <row r="21" spans="1:11" ht="15" customHeight="1">
      <c r="A21" s="17" t="s">
        <v>39</v>
      </c>
      <c r="B21" s="17"/>
      <c r="C21" s="13">
        <v>3158</v>
      </c>
      <c r="D21" s="19">
        <v>1595</v>
      </c>
      <c r="E21" s="19">
        <v>1563</v>
      </c>
      <c r="F21" s="19"/>
      <c r="G21" s="18" t="s">
        <v>40</v>
      </c>
      <c r="H21" s="17"/>
      <c r="I21" s="13">
        <v>4232</v>
      </c>
      <c r="J21" s="19">
        <v>2091</v>
      </c>
      <c r="K21" s="19">
        <v>2141</v>
      </c>
    </row>
    <row r="22" spans="1:11" ht="15" customHeight="1">
      <c r="A22" s="17" t="s">
        <v>41</v>
      </c>
      <c r="B22" s="17"/>
      <c r="C22" s="13">
        <v>3249</v>
      </c>
      <c r="D22" s="19">
        <v>1675</v>
      </c>
      <c r="E22" s="19">
        <v>1574</v>
      </c>
      <c r="F22" s="19"/>
      <c r="G22" s="18" t="s">
        <v>42</v>
      </c>
      <c r="H22" s="17"/>
      <c r="I22" s="13">
        <v>4547</v>
      </c>
      <c r="J22" s="19">
        <v>2263</v>
      </c>
      <c r="K22" s="19">
        <v>2284</v>
      </c>
    </row>
    <row r="23" spans="1:11" ht="20.100000000000001" customHeight="1">
      <c r="A23" s="17" t="s">
        <v>43</v>
      </c>
      <c r="B23" s="17"/>
      <c r="C23" s="13">
        <v>18929</v>
      </c>
      <c r="D23" s="14">
        <v>10473</v>
      </c>
      <c r="E23" s="14">
        <v>8456</v>
      </c>
      <c r="F23" s="14"/>
      <c r="G23" s="18" t="s">
        <v>44</v>
      </c>
      <c r="H23" s="17"/>
      <c r="I23" s="13">
        <v>25209</v>
      </c>
      <c r="J23" s="14">
        <v>12315</v>
      </c>
      <c r="K23" s="14">
        <v>12894</v>
      </c>
    </row>
    <row r="24" spans="1:11" ht="15" customHeight="1">
      <c r="A24" s="17" t="s">
        <v>45</v>
      </c>
      <c r="B24" s="17"/>
      <c r="C24" s="13">
        <v>3211</v>
      </c>
      <c r="D24" s="19">
        <v>1704</v>
      </c>
      <c r="E24" s="19">
        <v>1507</v>
      </c>
      <c r="F24" s="19"/>
      <c r="G24" s="18" t="s">
        <v>46</v>
      </c>
      <c r="H24" s="17"/>
      <c r="I24" s="13">
        <v>4619</v>
      </c>
      <c r="J24" s="19">
        <v>2265</v>
      </c>
      <c r="K24" s="19">
        <v>2354</v>
      </c>
    </row>
    <row r="25" spans="1:11" ht="15" customHeight="1">
      <c r="A25" s="17" t="s">
        <v>47</v>
      </c>
      <c r="B25" s="17"/>
      <c r="C25" s="13">
        <v>3661</v>
      </c>
      <c r="D25" s="19">
        <v>2029</v>
      </c>
      <c r="E25" s="19">
        <v>1632</v>
      </c>
      <c r="F25" s="19"/>
      <c r="G25" s="18" t="s">
        <v>48</v>
      </c>
      <c r="H25" s="17"/>
      <c r="I25" s="13">
        <v>4737</v>
      </c>
      <c r="J25" s="19">
        <v>2320</v>
      </c>
      <c r="K25" s="19">
        <v>2417</v>
      </c>
    </row>
    <row r="26" spans="1:11" ht="15" customHeight="1">
      <c r="A26" s="17" t="s">
        <v>49</v>
      </c>
      <c r="B26" s="17"/>
      <c r="C26" s="13">
        <v>3849</v>
      </c>
      <c r="D26" s="19">
        <v>2140</v>
      </c>
      <c r="E26" s="19">
        <v>1709</v>
      </c>
      <c r="F26" s="19"/>
      <c r="G26" s="18" t="s">
        <v>50</v>
      </c>
      <c r="H26" s="17"/>
      <c r="I26" s="13">
        <v>4844</v>
      </c>
      <c r="J26" s="19">
        <v>2428</v>
      </c>
      <c r="K26" s="19">
        <v>2416</v>
      </c>
    </row>
    <row r="27" spans="1:11" ht="15" customHeight="1">
      <c r="A27" s="17" t="s">
        <v>51</v>
      </c>
      <c r="B27" s="17"/>
      <c r="C27" s="13">
        <v>3894</v>
      </c>
      <c r="D27" s="19">
        <v>2173</v>
      </c>
      <c r="E27" s="19">
        <v>1721</v>
      </c>
      <c r="F27" s="19"/>
      <c r="G27" s="18" t="s">
        <v>52</v>
      </c>
      <c r="H27" s="17"/>
      <c r="I27" s="13">
        <v>5381</v>
      </c>
      <c r="J27" s="19">
        <v>2605</v>
      </c>
      <c r="K27" s="19">
        <v>2776</v>
      </c>
    </row>
    <row r="28" spans="1:11" ht="15" customHeight="1">
      <c r="A28" s="17" t="s">
        <v>53</v>
      </c>
      <c r="B28" s="17"/>
      <c r="C28" s="13">
        <v>4314</v>
      </c>
      <c r="D28" s="19">
        <v>2427</v>
      </c>
      <c r="E28" s="19">
        <v>1887</v>
      </c>
      <c r="F28" s="19"/>
      <c r="G28" s="18" t="s">
        <v>54</v>
      </c>
      <c r="H28" s="17"/>
      <c r="I28" s="13">
        <v>5628</v>
      </c>
      <c r="J28" s="19">
        <v>2697</v>
      </c>
      <c r="K28" s="19">
        <v>2931</v>
      </c>
    </row>
    <row r="29" spans="1:11" ht="20.100000000000001" customHeight="1">
      <c r="A29" s="17" t="s">
        <v>55</v>
      </c>
      <c r="B29" s="17"/>
      <c r="C29" s="13">
        <v>20060</v>
      </c>
      <c r="D29" s="14">
        <v>11338</v>
      </c>
      <c r="E29" s="14">
        <v>8722</v>
      </c>
      <c r="F29" s="14"/>
      <c r="G29" s="18" t="s">
        <v>56</v>
      </c>
      <c r="H29" s="17"/>
      <c r="I29" s="13">
        <v>32504</v>
      </c>
      <c r="J29" s="14">
        <v>15275</v>
      </c>
      <c r="K29" s="14">
        <v>17229</v>
      </c>
    </row>
    <row r="30" spans="1:11" ht="15" customHeight="1">
      <c r="A30" s="17" t="s">
        <v>57</v>
      </c>
      <c r="B30" s="17"/>
      <c r="C30" s="13">
        <v>4546</v>
      </c>
      <c r="D30" s="19">
        <v>2584</v>
      </c>
      <c r="E30" s="19">
        <v>1962</v>
      </c>
      <c r="F30" s="19"/>
      <c r="G30" s="18" t="s">
        <v>58</v>
      </c>
      <c r="H30" s="17"/>
      <c r="I30" s="13">
        <v>6161</v>
      </c>
      <c r="J30" s="19">
        <v>2982</v>
      </c>
      <c r="K30" s="19">
        <v>3179</v>
      </c>
    </row>
    <row r="31" spans="1:11" ht="15" customHeight="1">
      <c r="A31" s="17" t="s">
        <v>59</v>
      </c>
      <c r="B31" s="17"/>
      <c r="C31" s="13">
        <v>4319</v>
      </c>
      <c r="D31" s="19">
        <v>2474</v>
      </c>
      <c r="E31" s="19">
        <v>1845</v>
      </c>
      <c r="F31" s="19"/>
      <c r="G31" s="18" t="s">
        <v>60</v>
      </c>
      <c r="H31" s="17"/>
      <c r="I31" s="13">
        <v>7272</v>
      </c>
      <c r="J31" s="19">
        <v>3477</v>
      </c>
      <c r="K31" s="19">
        <v>3795</v>
      </c>
    </row>
    <row r="32" spans="1:11" ht="15" customHeight="1">
      <c r="A32" s="17" t="s">
        <v>61</v>
      </c>
      <c r="B32" s="17"/>
      <c r="C32" s="13">
        <v>4081</v>
      </c>
      <c r="D32" s="19">
        <v>2292</v>
      </c>
      <c r="E32" s="19">
        <v>1789</v>
      </c>
      <c r="F32" s="19"/>
      <c r="G32" s="18" t="s">
        <v>62</v>
      </c>
      <c r="H32" s="17"/>
      <c r="I32" s="13">
        <v>6967</v>
      </c>
      <c r="J32" s="19">
        <v>3257</v>
      </c>
      <c r="K32" s="19">
        <v>3710</v>
      </c>
    </row>
    <row r="33" spans="1:11" ht="15" customHeight="1">
      <c r="A33" s="17" t="s">
        <v>63</v>
      </c>
      <c r="B33" s="17"/>
      <c r="C33" s="13">
        <v>3674</v>
      </c>
      <c r="D33" s="19">
        <v>2065</v>
      </c>
      <c r="E33" s="19">
        <v>1609</v>
      </c>
      <c r="F33" s="19"/>
      <c r="G33" s="18" t="s">
        <v>64</v>
      </c>
      <c r="H33" s="17"/>
      <c r="I33" s="13">
        <v>7179</v>
      </c>
      <c r="J33" s="19">
        <v>3324</v>
      </c>
      <c r="K33" s="19">
        <v>3855</v>
      </c>
    </row>
    <row r="34" spans="1:11" ht="15" customHeight="1">
      <c r="A34" s="17" t="s">
        <v>65</v>
      </c>
      <c r="B34" s="17"/>
      <c r="C34" s="13">
        <v>3440</v>
      </c>
      <c r="D34" s="19">
        <v>1923</v>
      </c>
      <c r="E34" s="19">
        <v>1517</v>
      </c>
      <c r="F34" s="19"/>
      <c r="G34" s="18" t="s">
        <v>66</v>
      </c>
      <c r="H34" s="17"/>
      <c r="I34" s="13">
        <v>4925</v>
      </c>
      <c r="J34" s="19">
        <v>2235</v>
      </c>
      <c r="K34" s="19">
        <v>2690</v>
      </c>
    </row>
    <row r="35" spans="1:11" ht="20.100000000000001" customHeight="1">
      <c r="A35" s="17" t="s">
        <v>67</v>
      </c>
      <c r="B35" s="17"/>
      <c r="C35" s="13">
        <v>16182</v>
      </c>
      <c r="D35" s="14">
        <v>9006</v>
      </c>
      <c r="E35" s="14">
        <v>7176</v>
      </c>
      <c r="F35" s="14"/>
      <c r="G35" s="18" t="s">
        <v>68</v>
      </c>
      <c r="H35" s="17"/>
      <c r="I35" s="13">
        <v>26726</v>
      </c>
      <c r="J35" s="14">
        <v>12069</v>
      </c>
      <c r="K35" s="14">
        <v>14657</v>
      </c>
    </row>
    <row r="36" spans="1:11" ht="15" customHeight="1">
      <c r="A36" s="17" t="s">
        <v>69</v>
      </c>
      <c r="B36" s="17"/>
      <c r="C36" s="13">
        <v>3335</v>
      </c>
      <c r="D36" s="19">
        <v>1875</v>
      </c>
      <c r="E36" s="19">
        <v>1460</v>
      </c>
      <c r="F36" s="19"/>
      <c r="G36" s="18" t="s">
        <v>70</v>
      </c>
      <c r="H36" s="17"/>
      <c r="I36" s="13">
        <v>4393</v>
      </c>
      <c r="J36" s="19">
        <v>1956</v>
      </c>
      <c r="K36" s="19">
        <v>2437</v>
      </c>
    </row>
    <row r="37" spans="1:11" ht="15" customHeight="1">
      <c r="A37" s="17" t="s">
        <v>71</v>
      </c>
      <c r="B37" s="17"/>
      <c r="C37" s="13">
        <v>3360</v>
      </c>
      <c r="D37" s="19">
        <v>1845</v>
      </c>
      <c r="E37" s="19">
        <v>1515</v>
      </c>
      <c r="F37" s="19"/>
      <c r="G37" s="18" t="s">
        <v>72</v>
      </c>
      <c r="H37" s="17"/>
      <c r="I37" s="13">
        <v>5635</v>
      </c>
      <c r="J37" s="19">
        <v>2531</v>
      </c>
      <c r="K37" s="19">
        <v>3104</v>
      </c>
    </row>
    <row r="38" spans="1:11" ht="15" customHeight="1">
      <c r="A38" s="17" t="s">
        <v>73</v>
      </c>
      <c r="B38" s="17"/>
      <c r="C38" s="13">
        <v>3128</v>
      </c>
      <c r="D38" s="19">
        <v>1766</v>
      </c>
      <c r="E38" s="19">
        <v>1362</v>
      </c>
      <c r="F38" s="19"/>
      <c r="G38" s="18" t="s">
        <v>74</v>
      </c>
      <c r="H38" s="17"/>
      <c r="I38" s="13">
        <v>5735</v>
      </c>
      <c r="J38" s="19">
        <v>2597</v>
      </c>
      <c r="K38" s="19">
        <v>3138</v>
      </c>
    </row>
    <row r="39" spans="1:11" ht="15" customHeight="1">
      <c r="A39" s="17" t="s">
        <v>75</v>
      </c>
      <c r="B39" s="17"/>
      <c r="C39" s="13">
        <v>3176</v>
      </c>
      <c r="D39" s="19">
        <v>1745</v>
      </c>
      <c r="E39" s="19">
        <v>1431</v>
      </c>
      <c r="F39" s="19"/>
      <c r="G39" s="18" t="s">
        <v>76</v>
      </c>
      <c r="H39" s="17"/>
      <c r="I39" s="13">
        <v>5494</v>
      </c>
      <c r="J39" s="19">
        <v>2527</v>
      </c>
      <c r="K39" s="19">
        <v>2967</v>
      </c>
    </row>
    <row r="40" spans="1:11" ht="15" customHeight="1">
      <c r="A40" s="17" t="s">
        <v>77</v>
      </c>
      <c r="B40" s="17"/>
      <c r="C40" s="13">
        <v>3183</v>
      </c>
      <c r="D40" s="19">
        <v>1775</v>
      </c>
      <c r="E40" s="19">
        <v>1408</v>
      </c>
      <c r="F40" s="19"/>
      <c r="G40" s="18" t="s">
        <v>78</v>
      </c>
      <c r="H40" s="17"/>
      <c r="I40" s="13">
        <v>5469</v>
      </c>
      <c r="J40" s="19">
        <v>2458</v>
      </c>
      <c r="K40" s="19">
        <v>3011</v>
      </c>
    </row>
    <row r="41" spans="1:11" ht="20.100000000000001" customHeight="1">
      <c r="A41" s="17" t="s">
        <v>79</v>
      </c>
      <c r="B41" s="17"/>
      <c r="C41" s="13">
        <v>17188</v>
      </c>
      <c r="D41" s="14">
        <v>9348</v>
      </c>
      <c r="E41" s="14">
        <v>7840</v>
      </c>
      <c r="F41" s="14"/>
      <c r="G41" s="18" t="s">
        <v>80</v>
      </c>
      <c r="H41" s="17"/>
      <c r="I41" s="13">
        <v>19754</v>
      </c>
      <c r="J41" s="14">
        <v>8573</v>
      </c>
      <c r="K41" s="14">
        <v>11181</v>
      </c>
    </row>
    <row r="42" spans="1:11" ht="15" customHeight="1">
      <c r="A42" s="17" t="s">
        <v>81</v>
      </c>
      <c r="B42" s="17"/>
      <c r="C42" s="13">
        <v>3262</v>
      </c>
      <c r="D42" s="19">
        <v>1778</v>
      </c>
      <c r="E42" s="19">
        <v>1484</v>
      </c>
      <c r="F42" s="19"/>
      <c r="G42" s="18" t="s">
        <v>82</v>
      </c>
      <c r="H42" s="17"/>
      <c r="I42" s="13">
        <v>4631</v>
      </c>
      <c r="J42" s="19">
        <v>2016</v>
      </c>
      <c r="K42" s="19">
        <v>2615</v>
      </c>
    </row>
    <row r="43" spans="1:11" ht="15" customHeight="1">
      <c r="A43" s="17" t="s">
        <v>83</v>
      </c>
      <c r="B43" s="17"/>
      <c r="C43" s="13">
        <v>3333</v>
      </c>
      <c r="D43" s="19">
        <v>1789</v>
      </c>
      <c r="E43" s="19">
        <v>1544</v>
      </c>
      <c r="F43" s="19"/>
      <c r="G43" s="18" t="s">
        <v>84</v>
      </c>
      <c r="H43" s="17"/>
      <c r="I43" s="13">
        <v>4122</v>
      </c>
      <c r="J43" s="19">
        <v>1820</v>
      </c>
      <c r="K43" s="19">
        <v>2302</v>
      </c>
    </row>
    <row r="44" spans="1:11" ht="15" customHeight="1">
      <c r="A44" s="17" t="s">
        <v>85</v>
      </c>
      <c r="B44" s="17"/>
      <c r="C44" s="13">
        <v>3505</v>
      </c>
      <c r="D44" s="19">
        <v>1928</v>
      </c>
      <c r="E44" s="19">
        <v>1577</v>
      </c>
      <c r="F44" s="19"/>
      <c r="G44" s="18" t="s">
        <v>86</v>
      </c>
      <c r="H44" s="17"/>
      <c r="I44" s="13">
        <v>3732</v>
      </c>
      <c r="J44" s="19">
        <v>1637</v>
      </c>
      <c r="K44" s="19">
        <v>2095</v>
      </c>
    </row>
    <row r="45" spans="1:11" ht="15" customHeight="1">
      <c r="A45" s="17" t="s">
        <v>87</v>
      </c>
      <c r="B45" s="17"/>
      <c r="C45" s="13">
        <v>3507</v>
      </c>
      <c r="D45" s="19">
        <v>1901</v>
      </c>
      <c r="E45" s="19">
        <v>1606</v>
      </c>
      <c r="F45" s="19"/>
      <c r="G45" s="18" t="s">
        <v>88</v>
      </c>
      <c r="H45" s="17"/>
      <c r="I45" s="13">
        <v>3821</v>
      </c>
      <c r="J45" s="19">
        <v>1646</v>
      </c>
      <c r="K45" s="19">
        <v>2175</v>
      </c>
    </row>
    <row r="46" spans="1:11" ht="15" customHeight="1">
      <c r="A46" s="17" t="s">
        <v>89</v>
      </c>
      <c r="B46" s="17"/>
      <c r="C46" s="13">
        <v>3581</v>
      </c>
      <c r="D46" s="19">
        <v>1952</v>
      </c>
      <c r="E46" s="19">
        <v>1629</v>
      </c>
      <c r="F46" s="19"/>
      <c r="G46" s="18" t="s">
        <v>90</v>
      </c>
      <c r="H46" s="17"/>
      <c r="I46" s="13">
        <v>3448</v>
      </c>
      <c r="J46" s="19">
        <v>1454</v>
      </c>
      <c r="K46" s="19">
        <v>1994</v>
      </c>
    </row>
    <row r="47" spans="1:11" ht="20.100000000000001" customHeight="1">
      <c r="A47" s="17" t="s">
        <v>91</v>
      </c>
      <c r="B47" s="17"/>
      <c r="C47" s="13">
        <v>19633</v>
      </c>
      <c r="D47" s="14">
        <v>10368</v>
      </c>
      <c r="E47" s="14">
        <v>9265</v>
      </c>
      <c r="F47" s="14"/>
      <c r="G47" s="18" t="s">
        <v>92</v>
      </c>
      <c r="H47" s="17"/>
      <c r="I47" s="13">
        <v>13077</v>
      </c>
      <c r="J47" s="14">
        <v>4920</v>
      </c>
      <c r="K47" s="14">
        <v>8157</v>
      </c>
    </row>
    <row r="48" spans="1:11" ht="15" customHeight="1">
      <c r="A48" s="17" t="s">
        <v>93</v>
      </c>
      <c r="B48" s="17"/>
      <c r="C48" s="13">
        <v>3703</v>
      </c>
      <c r="D48" s="19">
        <v>1984</v>
      </c>
      <c r="E48" s="19">
        <v>1719</v>
      </c>
      <c r="F48" s="19"/>
      <c r="G48" s="18" t="s">
        <v>94</v>
      </c>
      <c r="H48" s="17"/>
      <c r="I48" s="13">
        <v>3488</v>
      </c>
      <c r="J48" s="19">
        <v>1414</v>
      </c>
      <c r="K48" s="19">
        <v>2074</v>
      </c>
    </row>
    <row r="49" spans="1:11" ht="15" customHeight="1">
      <c r="A49" s="17" t="s">
        <v>95</v>
      </c>
      <c r="B49" s="17"/>
      <c r="C49" s="13">
        <v>3865</v>
      </c>
      <c r="D49" s="19">
        <v>2083</v>
      </c>
      <c r="E49" s="19">
        <v>1782</v>
      </c>
      <c r="F49" s="19"/>
      <c r="G49" s="18" t="s">
        <v>96</v>
      </c>
      <c r="H49" s="17"/>
      <c r="I49" s="13">
        <v>2777</v>
      </c>
      <c r="J49" s="19">
        <v>1059</v>
      </c>
      <c r="K49" s="19">
        <v>1718</v>
      </c>
    </row>
    <row r="50" spans="1:11" ht="15" customHeight="1">
      <c r="A50" s="17" t="s">
        <v>97</v>
      </c>
      <c r="B50" s="17"/>
      <c r="C50" s="13">
        <v>4008</v>
      </c>
      <c r="D50" s="19">
        <v>2084</v>
      </c>
      <c r="E50" s="19">
        <v>1924</v>
      </c>
      <c r="F50" s="19"/>
      <c r="G50" s="18" t="s">
        <v>98</v>
      </c>
      <c r="H50" s="17"/>
      <c r="I50" s="13">
        <v>2636</v>
      </c>
      <c r="J50" s="19">
        <v>990</v>
      </c>
      <c r="K50" s="19">
        <v>1646</v>
      </c>
    </row>
    <row r="51" spans="1:11" ht="15" customHeight="1">
      <c r="A51" s="17" t="s">
        <v>99</v>
      </c>
      <c r="B51" s="17"/>
      <c r="C51" s="13">
        <v>3993</v>
      </c>
      <c r="D51" s="19">
        <v>2112</v>
      </c>
      <c r="E51" s="19">
        <v>1881</v>
      </c>
      <c r="F51" s="19"/>
      <c r="G51" s="18" t="s">
        <v>100</v>
      </c>
      <c r="H51" s="17"/>
      <c r="I51" s="13">
        <v>2242</v>
      </c>
      <c r="J51" s="19">
        <v>809</v>
      </c>
      <c r="K51" s="19">
        <v>1433</v>
      </c>
    </row>
    <row r="52" spans="1:11" ht="15" customHeight="1">
      <c r="A52" s="17" t="s">
        <v>101</v>
      </c>
      <c r="B52" s="17"/>
      <c r="C52" s="13">
        <v>4064</v>
      </c>
      <c r="D52" s="19">
        <v>2105</v>
      </c>
      <c r="E52" s="19">
        <v>1959</v>
      </c>
      <c r="F52" s="19"/>
      <c r="G52" s="18" t="s">
        <v>102</v>
      </c>
      <c r="H52" s="17"/>
      <c r="I52" s="13">
        <v>1934</v>
      </c>
      <c r="J52" s="19">
        <v>648</v>
      </c>
      <c r="K52" s="19">
        <v>1286</v>
      </c>
    </row>
    <row r="53" spans="1:11" ht="20.100000000000001" customHeight="1">
      <c r="A53" s="17" t="s">
        <v>103</v>
      </c>
      <c r="B53" s="17"/>
      <c r="C53" s="13">
        <v>23726</v>
      </c>
      <c r="D53" s="14">
        <v>12384</v>
      </c>
      <c r="E53" s="14">
        <v>11342</v>
      </c>
      <c r="F53" s="14"/>
      <c r="G53" s="18" t="s">
        <v>104</v>
      </c>
      <c r="H53" s="17"/>
      <c r="I53" s="13">
        <v>5600</v>
      </c>
      <c r="J53" s="14">
        <v>1648</v>
      </c>
      <c r="K53" s="14">
        <v>3952</v>
      </c>
    </row>
    <row r="54" spans="1:11" ht="15" customHeight="1">
      <c r="A54" s="17" t="s">
        <v>105</v>
      </c>
      <c r="B54" s="17"/>
      <c r="C54" s="13">
        <v>4190</v>
      </c>
      <c r="D54" s="19">
        <v>2156</v>
      </c>
      <c r="E54" s="19">
        <v>2034</v>
      </c>
      <c r="F54" s="19"/>
      <c r="G54" s="18" t="s">
        <v>106</v>
      </c>
      <c r="H54" s="17"/>
      <c r="I54" s="13">
        <v>1599</v>
      </c>
      <c r="J54" s="19">
        <v>506</v>
      </c>
      <c r="K54" s="19">
        <v>1093</v>
      </c>
    </row>
    <row r="55" spans="1:11" ht="15" customHeight="1">
      <c r="A55" s="17" t="s">
        <v>107</v>
      </c>
      <c r="B55" s="17"/>
      <c r="C55" s="13">
        <v>4543</v>
      </c>
      <c r="D55" s="19">
        <v>2373</v>
      </c>
      <c r="E55" s="19">
        <v>2170</v>
      </c>
      <c r="F55" s="19"/>
      <c r="G55" s="18" t="s">
        <v>108</v>
      </c>
      <c r="H55" s="17"/>
      <c r="I55" s="13">
        <v>1355</v>
      </c>
      <c r="J55" s="19">
        <v>402</v>
      </c>
      <c r="K55" s="19">
        <v>953</v>
      </c>
    </row>
    <row r="56" spans="1:11" ht="15" customHeight="1">
      <c r="A56" s="17" t="s">
        <v>109</v>
      </c>
      <c r="B56" s="17"/>
      <c r="C56" s="13">
        <v>4751</v>
      </c>
      <c r="D56" s="19">
        <v>2488</v>
      </c>
      <c r="E56" s="19">
        <v>2263</v>
      </c>
      <c r="F56" s="19"/>
      <c r="G56" s="18" t="s">
        <v>110</v>
      </c>
      <c r="H56" s="17"/>
      <c r="I56" s="13">
        <v>1136</v>
      </c>
      <c r="J56" s="19">
        <v>318</v>
      </c>
      <c r="K56" s="19">
        <v>818</v>
      </c>
    </row>
    <row r="57" spans="1:11" ht="15" customHeight="1">
      <c r="A57" s="17" t="s">
        <v>111</v>
      </c>
      <c r="B57" s="17"/>
      <c r="C57" s="13">
        <v>4936</v>
      </c>
      <c r="D57" s="19">
        <v>2569</v>
      </c>
      <c r="E57" s="19">
        <v>2367</v>
      </c>
      <c r="F57" s="19"/>
      <c r="G57" s="18" t="s">
        <v>112</v>
      </c>
      <c r="H57" s="17"/>
      <c r="I57" s="13">
        <v>889</v>
      </c>
      <c r="J57" s="19">
        <v>254</v>
      </c>
      <c r="K57" s="19">
        <v>635</v>
      </c>
    </row>
    <row r="58" spans="1:11" ht="15" customHeight="1">
      <c r="A58" s="17" t="s">
        <v>113</v>
      </c>
      <c r="B58" s="17"/>
      <c r="C58" s="13">
        <v>5306</v>
      </c>
      <c r="D58" s="19">
        <v>2798</v>
      </c>
      <c r="E58" s="19">
        <v>2508</v>
      </c>
      <c r="F58" s="19"/>
      <c r="G58" s="18" t="s">
        <v>114</v>
      </c>
      <c r="H58" s="17"/>
      <c r="I58" s="13">
        <v>621</v>
      </c>
      <c r="J58" s="19">
        <v>168</v>
      </c>
      <c r="K58" s="19">
        <v>453</v>
      </c>
    </row>
    <row r="59" spans="1:11" ht="20.100000000000001" customHeight="1">
      <c r="A59" s="17" t="s">
        <v>115</v>
      </c>
      <c r="B59" s="17"/>
      <c r="C59" s="13">
        <v>30741</v>
      </c>
      <c r="D59" s="14">
        <v>15901</v>
      </c>
      <c r="E59" s="14">
        <v>14840</v>
      </c>
      <c r="F59" s="14"/>
      <c r="G59" s="18" t="s">
        <v>116</v>
      </c>
      <c r="H59" s="17"/>
      <c r="I59" s="13">
        <v>1511</v>
      </c>
      <c r="J59" s="14">
        <v>268</v>
      </c>
      <c r="K59" s="14">
        <v>1243</v>
      </c>
    </row>
    <row r="60" spans="1:11" ht="15" customHeight="1">
      <c r="A60" s="17" t="s">
        <v>117</v>
      </c>
      <c r="B60" s="17"/>
      <c r="C60" s="13">
        <v>5613</v>
      </c>
      <c r="D60" s="19">
        <v>2909</v>
      </c>
      <c r="E60" s="19">
        <v>2704</v>
      </c>
      <c r="F60" s="19"/>
      <c r="G60" s="18" t="s">
        <v>118</v>
      </c>
      <c r="H60" s="17"/>
      <c r="I60" s="13">
        <v>540</v>
      </c>
      <c r="J60" s="19">
        <v>97</v>
      </c>
      <c r="K60" s="19">
        <v>443</v>
      </c>
    </row>
    <row r="61" spans="1:11" ht="15" customHeight="1">
      <c r="A61" s="17" t="s">
        <v>119</v>
      </c>
      <c r="B61" s="17"/>
      <c r="C61" s="13">
        <v>5987</v>
      </c>
      <c r="D61" s="19">
        <v>3078</v>
      </c>
      <c r="E61" s="19">
        <v>2909</v>
      </c>
      <c r="F61" s="19"/>
      <c r="G61" s="18" t="s">
        <v>120</v>
      </c>
      <c r="H61" s="17"/>
      <c r="I61" s="13">
        <v>353</v>
      </c>
      <c r="J61" s="19">
        <v>66</v>
      </c>
      <c r="K61" s="19">
        <v>287</v>
      </c>
    </row>
    <row r="62" spans="1:11" ht="15" customHeight="1">
      <c r="A62" s="17" t="s">
        <v>121</v>
      </c>
      <c r="B62" s="17"/>
      <c r="C62" s="13">
        <v>6370</v>
      </c>
      <c r="D62" s="19">
        <v>3288</v>
      </c>
      <c r="E62" s="19">
        <v>3082</v>
      </c>
      <c r="F62" s="19"/>
      <c r="G62" s="18" t="s">
        <v>122</v>
      </c>
      <c r="H62" s="17"/>
      <c r="I62" s="13">
        <v>277</v>
      </c>
      <c r="J62" s="19">
        <v>54</v>
      </c>
      <c r="K62" s="19">
        <v>223</v>
      </c>
    </row>
    <row r="63" spans="1:11" ht="15" customHeight="1">
      <c r="A63" s="17" t="s">
        <v>123</v>
      </c>
      <c r="B63" s="17"/>
      <c r="C63" s="13">
        <v>6470</v>
      </c>
      <c r="D63" s="19">
        <v>3386</v>
      </c>
      <c r="E63" s="19">
        <v>3084</v>
      </c>
      <c r="F63" s="19"/>
      <c r="G63" s="18" t="s">
        <v>124</v>
      </c>
      <c r="H63" s="17"/>
      <c r="I63" s="13">
        <v>193</v>
      </c>
      <c r="J63" s="19">
        <v>36</v>
      </c>
      <c r="K63" s="19">
        <v>157</v>
      </c>
    </row>
    <row r="64" spans="1:11" ht="15" customHeight="1">
      <c r="A64" s="17" t="s">
        <v>125</v>
      </c>
      <c r="B64" s="17"/>
      <c r="C64" s="13">
        <v>6301</v>
      </c>
      <c r="D64" s="19">
        <v>3240</v>
      </c>
      <c r="E64" s="19">
        <v>3061</v>
      </c>
      <c r="F64" s="19"/>
      <c r="G64" s="18" t="s">
        <v>126</v>
      </c>
      <c r="H64" s="17"/>
      <c r="I64" s="13">
        <v>148</v>
      </c>
      <c r="J64" s="19">
        <v>15</v>
      </c>
      <c r="K64" s="19">
        <v>13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37</v>
      </c>
      <c r="J65" s="19">
        <v>29</v>
      </c>
      <c r="K65" s="19">
        <v>20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86</v>
      </c>
      <c r="J66" s="29">
        <v>434</v>
      </c>
      <c r="K66" s="29">
        <v>25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2700</v>
      </c>
      <c r="D4" s="14">
        <v>81101</v>
      </c>
      <c r="E4" s="14">
        <v>9159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256</v>
      </c>
      <c r="D5" s="14">
        <v>2649</v>
      </c>
      <c r="E5" s="14">
        <v>2607</v>
      </c>
      <c r="F5" s="14"/>
      <c r="G5" s="18" t="s">
        <v>8</v>
      </c>
      <c r="H5" s="17"/>
      <c r="I5" s="13">
        <v>14396</v>
      </c>
      <c r="J5" s="14">
        <v>7151</v>
      </c>
      <c r="K5" s="14">
        <v>7245</v>
      </c>
    </row>
    <row r="6" spans="1:11" ht="15" customHeight="1">
      <c r="A6" s="17" t="s">
        <v>9</v>
      </c>
      <c r="B6" s="17"/>
      <c r="C6" s="13">
        <v>899</v>
      </c>
      <c r="D6" s="19">
        <v>439</v>
      </c>
      <c r="E6" s="19">
        <v>460</v>
      </c>
      <c r="F6" s="19"/>
      <c r="G6" s="18" t="s">
        <v>10</v>
      </c>
      <c r="H6" s="17"/>
      <c r="I6" s="13">
        <v>3065</v>
      </c>
      <c r="J6" s="19">
        <v>1481</v>
      </c>
      <c r="K6" s="19">
        <v>1584</v>
      </c>
    </row>
    <row r="7" spans="1:11" ht="15" customHeight="1">
      <c r="A7" s="17" t="s">
        <v>11</v>
      </c>
      <c r="B7" s="17"/>
      <c r="C7" s="13">
        <v>1003</v>
      </c>
      <c r="D7" s="19">
        <v>504</v>
      </c>
      <c r="E7" s="19">
        <v>499</v>
      </c>
      <c r="F7" s="19"/>
      <c r="G7" s="18" t="s">
        <v>12</v>
      </c>
      <c r="H7" s="17"/>
      <c r="I7" s="13">
        <v>3030</v>
      </c>
      <c r="J7" s="19">
        <v>1510</v>
      </c>
      <c r="K7" s="19">
        <v>1520</v>
      </c>
    </row>
    <row r="8" spans="1:11" ht="15" customHeight="1">
      <c r="A8" s="17" t="s">
        <v>13</v>
      </c>
      <c r="B8" s="17"/>
      <c r="C8" s="13">
        <v>1060</v>
      </c>
      <c r="D8" s="19">
        <v>530</v>
      </c>
      <c r="E8" s="19">
        <v>530</v>
      </c>
      <c r="F8" s="19"/>
      <c r="G8" s="18" t="s">
        <v>14</v>
      </c>
      <c r="H8" s="17"/>
      <c r="I8" s="13">
        <v>3037</v>
      </c>
      <c r="J8" s="19">
        <v>1519</v>
      </c>
      <c r="K8" s="19">
        <v>1518</v>
      </c>
    </row>
    <row r="9" spans="1:11" ht="15" customHeight="1">
      <c r="A9" s="17" t="s">
        <v>15</v>
      </c>
      <c r="B9" s="17"/>
      <c r="C9" s="13">
        <v>1057</v>
      </c>
      <c r="D9" s="19">
        <v>541</v>
      </c>
      <c r="E9" s="19">
        <v>516</v>
      </c>
      <c r="F9" s="19"/>
      <c r="G9" s="18" t="s">
        <v>16</v>
      </c>
      <c r="H9" s="17"/>
      <c r="I9" s="13">
        <v>2994</v>
      </c>
      <c r="J9" s="19">
        <v>1500</v>
      </c>
      <c r="K9" s="19">
        <v>1494</v>
      </c>
    </row>
    <row r="10" spans="1:11" ht="15" customHeight="1">
      <c r="A10" s="17" t="s">
        <v>17</v>
      </c>
      <c r="B10" s="17"/>
      <c r="C10" s="13">
        <v>1237</v>
      </c>
      <c r="D10" s="19">
        <v>635</v>
      </c>
      <c r="E10" s="19">
        <v>602</v>
      </c>
      <c r="F10" s="19"/>
      <c r="G10" s="18" t="s">
        <v>18</v>
      </c>
      <c r="H10" s="17"/>
      <c r="I10" s="13">
        <v>2270</v>
      </c>
      <c r="J10" s="19">
        <v>1141</v>
      </c>
      <c r="K10" s="19">
        <v>1129</v>
      </c>
    </row>
    <row r="11" spans="1:11" ht="20.100000000000001" customHeight="1">
      <c r="A11" s="17" t="s">
        <v>19</v>
      </c>
      <c r="B11" s="17"/>
      <c r="C11" s="13">
        <v>6662</v>
      </c>
      <c r="D11" s="14">
        <v>3408</v>
      </c>
      <c r="E11" s="14">
        <v>3254</v>
      </c>
      <c r="F11" s="14"/>
      <c r="G11" s="18" t="s">
        <v>20</v>
      </c>
      <c r="H11" s="17"/>
      <c r="I11" s="13">
        <v>12245</v>
      </c>
      <c r="J11" s="14">
        <v>6190</v>
      </c>
      <c r="K11" s="14">
        <v>6055</v>
      </c>
    </row>
    <row r="12" spans="1:11" ht="15" customHeight="1">
      <c r="A12" s="17" t="s">
        <v>21</v>
      </c>
      <c r="B12" s="17"/>
      <c r="C12" s="13">
        <v>1244</v>
      </c>
      <c r="D12" s="19">
        <v>653</v>
      </c>
      <c r="E12" s="19">
        <v>591</v>
      </c>
      <c r="F12" s="19"/>
      <c r="G12" s="18" t="s">
        <v>22</v>
      </c>
      <c r="H12" s="17"/>
      <c r="I12" s="13">
        <v>2821</v>
      </c>
      <c r="J12" s="19">
        <v>1392</v>
      </c>
      <c r="K12" s="19">
        <v>1429</v>
      </c>
    </row>
    <row r="13" spans="1:11" ht="15" customHeight="1">
      <c r="A13" s="17" t="s">
        <v>23</v>
      </c>
      <c r="B13" s="17"/>
      <c r="C13" s="13">
        <v>1267</v>
      </c>
      <c r="D13" s="19">
        <v>635</v>
      </c>
      <c r="E13" s="19">
        <v>632</v>
      </c>
      <c r="F13" s="19"/>
      <c r="G13" s="18" t="s">
        <v>24</v>
      </c>
      <c r="H13" s="17"/>
      <c r="I13" s="13">
        <v>2566</v>
      </c>
      <c r="J13" s="19">
        <v>1327</v>
      </c>
      <c r="K13" s="19">
        <v>1239</v>
      </c>
    </row>
    <row r="14" spans="1:11" ht="15" customHeight="1">
      <c r="A14" s="17" t="s">
        <v>25</v>
      </c>
      <c r="B14" s="17"/>
      <c r="C14" s="13">
        <v>1343</v>
      </c>
      <c r="D14" s="19">
        <v>717</v>
      </c>
      <c r="E14" s="19">
        <v>626</v>
      </c>
      <c r="F14" s="19"/>
      <c r="G14" s="18" t="s">
        <v>26</v>
      </c>
      <c r="H14" s="17"/>
      <c r="I14" s="13">
        <v>2449</v>
      </c>
      <c r="J14" s="19">
        <v>1210</v>
      </c>
      <c r="K14" s="19">
        <v>1239</v>
      </c>
    </row>
    <row r="15" spans="1:11" ht="15" customHeight="1">
      <c r="A15" s="17" t="s">
        <v>27</v>
      </c>
      <c r="B15" s="17"/>
      <c r="C15" s="13">
        <v>1431</v>
      </c>
      <c r="D15" s="19">
        <v>710</v>
      </c>
      <c r="E15" s="19">
        <v>721</v>
      </c>
      <c r="F15" s="19"/>
      <c r="G15" s="18" t="s">
        <v>28</v>
      </c>
      <c r="H15" s="17"/>
      <c r="I15" s="13">
        <v>2266</v>
      </c>
      <c r="J15" s="19">
        <v>1170</v>
      </c>
      <c r="K15" s="19">
        <v>1096</v>
      </c>
    </row>
    <row r="16" spans="1:11" ht="15" customHeight="1">
      <c r="A16" s="17" t="s">
        <v>29</v>
      </c>
      <c r="B16" s="17"/>
      <c r="C16" s="13">
        <v>1377</v>
      </c>
      <c r="D16" s="19">
        <v>693</v>
      </c>
      <c r="E16" s="19">
        <v>684</v>
      </c>
      <c r="F16" s="19"/>
      <c r="G16" s="18" t="s">
        <v>30</v>
      </c>
      <c r="H16" s="17"/>
      <c r="I16" s="13">
        <v>2143</v>
      </c>
      <c r="J16" s="19">
        <v>1091</v>
      </c>
      <c r="K16" s="19">
        <v>1052</v>
      </c>
    </row>
    <row r="17" spans="1:11" ht="20.100000000000001" customHeight="1">
      <c r="A17" s="20" t="s">
        <v>31</v>
      </c>
      <c r="B17" s="20"/>
      <c r="C17" s="13">
        <v>7534</v>
      </c>
      <c r="D17" s="14">
        <v>3860</v>
      </c>
      <c r="E17" s="14">
        <v>3674</v>
      </c>
      <c r="F17" s="14"/>
      <c r="G17" s="18" t="s">
        <v>32</v>
      </c>
      <c r="H17" s="17"/>
      <c r="I17" s="13">
        <v>9671</v>
      </c>
      <c r="J17" s="14">
        <v>4821</v>
      </c>
      <c r="K17" s="14">
        <v>4850</v>
      </c>
    </row>
    <row r="18" spans="1:11" ht="15" customHeight="1">
      <c r="A18" s="17" t="s">
        <v>33</v>
      </c>
      <c r="B18" s="17"/>
      <c r="C18" s="13">
        <v>1512</v>
      </c>
      <c r="D18" s="19">
        <v>772</v>
      </c>
      <c r="E18" s="19">
        <v>740</v>
      </c>
      <c r="F18" s="19"/>
      <c r="G18" s="18" t="s">
        <v>34</v>
      </c>
      <c r="H18" s="17"/>
      <c r="I18" s="13">
        <v>2160</v>
      </c>
      <c r="J18" s="19">
        <v>1062</v>
      </c>
      <c r="K18" s="19">
        <v>1098</v>
      </c>
    </row>
    <row r="19" spans="1:11" ht="15" customHeight="1">
      <c r="A19" s="17" t="s">
        <v>35</v>
      </c>
      <c r="B19" s="17"/>
      <c r="C19" s="13">
        <v>1490</v>
      </c>
      <c r="D19" s="19">
        <v>766</v>
      </c>
      <c r="E19" s="19">
        <v>724</v>
      </c>
      <c r="F19" s="19"/>
      <c r="G19" s="18" t="s">
        <v>36</v>
      </c>
      <c r="H19" s="17"/>
      <c r="I19" s="13">
        <v>1990</v>
      </c>
      <c r="J19" s="19">
        <v>1000</v>
      </c>
      <c r="K19" s="19">
        <v>990</v>
      </c>
    </row>
    <row r="20" spans="1:11" ht="15" customHeight="1">
      <c r="A20" s="17" t="s">
        <v>37</v>
      </c>
      <c r="B20" s="17"/>
      <c r="C20" s="13">
        <v>1477</v>
      </c>
      <c r="D20" s="19">
        <v>761</v>
      </c>
      <c r="E20" s="19">
        <v>716</v>
      </c>
      <c r="F20" s="19"/>
      <c r="G20" s="18" t="s">
        <v>38</v>
      </c>
      <c r="H20" s="17"/>
      <c r="I20" s="13">
        <v>1973</v>
      </c>
      <c r="J20" s="19">
        <v>989</v>
      </c>
      <c r="K20" s="19">
        <v>984</v>
      </c>
    </row>
    <row r="21" spans="1:11" ht="15" customHeight="1">
      <c r="A21" s="17" t="s">
        <v>39</v>
      </c>
      <c r="B21" s="17"/>
      <c r="C21" s="13">
        <v>1555</v>
      </c>
      <c r="D21" s="19">
        <v>823</v>
      </c>
      <c r="E21" s="19">
        <v>732</v>
      </c>
      <c r="F21" s="19"/>
      <c r="G21" s="18" t="s">
        <v>40</v>
      </c>
      <c r="H21" s="17"/>
      <c r="I21" s="13">
        <v>1760</v>
      </c>
      <c r="J21" s="19">
        <v>901</v>
      </c>
      <c r="K21" s="19">
        <v>859</v>
      </c>
    </row>
    <row r="22" spans="1:11" ht="15" customHeight="1">
      <c r="A22" s="17" t="s">
        <v>41</v>
      </c>
      <c r="B22" s="17"/>
      <c r="C22" s="13">
        <v>1500</v>
      </c>
      <c r="D22" s="19">
        <v>738</v>
      </c>
      <c r="E22" s="19">
        <v>762</v>
      </c>
      <c r="F22" s="19"/>
      <c r="G22" s="18" t="s">
        <v>42</v>
      </c>
      <c r="H22" s="17"/>
      <c r="I22" s="13">
        <v>1788</v>
      </c>
      <c r="J22" s="19">
        <v>869</v>
      </c>
      <c r="K22" s="19">
        <v>919</v>
      </c>
    </row>
    <row r="23" spans="1:11" ht="20.100000000000001" customHeight="1">
      <c r="A23" s="17" t="s">
        <v>43</v>
      </c>
      <c r="B23" s="17"/>
      <c r="C23" s="13">
        <v>7489</v>
      </c>
      <c r="D23" s="14">
        <v>3733</v>
      </c>
      <c r="E23" s="14">
        <v>3756</v>
      </c>
      <c r="F23" s="14"/>
      <c r="G23" s="18" t="s">
        <v>44</v>
      </c>
      <c r="H23" s="17"/>
      <c r="I23" s="13">
        <v>9757</v>
      </c>
      <c r="J23" s="14">
        <v>4539</v>
      </c>
      <c r="K23" s="14">
        <v>5218</v>
      </c>
    </row>
    <row r="24" spans="1:11" ht="15" customHeight="1">
      <c r="A24" s="17" t="s">
        <v>45</v>
      </c>
      <c r="B24" s="17"/>
      <c r="C24" s="13">
        <v>1466</v>
      </c>
      <c r="D24" s="19">
        <v>708</v>
      </c>
      <c r="E24" s="19">
        <v>758</v>
      </c>
      <c r="F24" s="19"/>
      <c r="G24" s="18" t="s">
        <v>46</v>
      </c>
      <c r="H24" s="17"/>
      <c r="I24" s="13">
        <v>1864</v>
      </c>
      <c r="J24" s="19">
        <v>865</v>
      </c>
      <c r="K24" s="19">
        <v>999</v>
      </c>
    </row>
    <row r="25" spans="1:11" ht="15" customHeight="1">
      <c r="A25" s="17" t="s">
        <v>47</v>
      </c>
      <c r="B25" s="17"/>
      <c r="C25" s="13">
        <v>1454</v>
      </c>
      <c r="D25" s="19">
        <v>756</v>
      </c>
      <c r="E25" s="19">
        <v>698</v>
      </c>
      <c r="F25" s="19"/>
      <c r="G25" s="18" t="s">
        <v>48</v>
      </c>
      <c r="H25" s="17"/>
      <c r="I25" s="13">
        <v>1796</v>
      </c>
      <c r="J25" s="19">
        <v>858</v>
      </c>
      <c r="K25" s="19">
        <v>938</v>
      </c>
    </row>
    <row r="26" spans="1:11" ht="15" customHeight="1">
      <c r="A26" s="17" t="s">
        <v>49</v>
      </c>
      <c r="B26" s="17"/>
      <c r="C26" s="13">
        <v>1562</v>
      </c>
      <c r="D26" s="19">
        <v>802</v>
      </c>
      <c r="E26" s="19">
        <v>760</v>
      </c>
      <c r="F26" s="19"/>
      <c r="G26" s="18" t="s">
        <v>50</v>
      </c>
      <c r="H26" s="17"/>
      <c r="I26" s="13">
        <v>1896</v>
      </c>
      <c r="J26" s="19">
        <v>903</v>
      </c>
      <c r="K26" s="19">
        <v>993</v>
      </c>
    </row>
    <row r="27" spans="1:11" ht="15" customHeight="1">
      <c r="A27" s="17" t="s">
        <v>51</v>
      </c>
      <c r="B27" s="17"/>
      <c r="C27" s="13">
        <v>1469</v>
      </c>
      <c r="D27" s="19">
        <v>711</v>
      </c>
      <c r="E27" s="19">
        <v>758</v>
      </c>
      <c r="F27" s="19"/>
      <c r="G27" s="18" t="s">
        <v>52</v>
      </c>
      <c r="H27" s="17"/>
      <c r="I27" s="13">
        <v>1994</v>
      </c>
      <c r="J27" s="19">
        <v>893</v>
      </c>
      <c r="K27" s="19">
        <v>1101</v>
      </c>
    </row>
    <row r="28" spans="1:11" ht="15" customHeight="1">
      <c r="A28" s="17" t="s">
        <v>53</v>
      </c>
      <c r="B28" s="17"/>
      <c r="C28" s="13">
        <v>1538</v>
      </c>
      <c r="D28" s="19">
        <v>756</v>
      </c>
      <c r="E28" s="19">
        <v>782</v>
      </c>
      <c r="F28" s="19"/>
      <c r="G28" s="18" t="s">
        <v>54</v>
      </c>
      <c r="H28" s="17"/>
      <c r="I28" s="13">
        <v>2207</v>
      </c>
      <c r="J28" s="19">
        <v>1020</v>
      </c>
      <c r="K28" s="19">
        <v>1187</v>
      </c>
    </row>
    <row r="29" spans="1:11" ht="20.100000000000001" customHeight="1">
      <c r="A29" s="17" t="s">
        <v>55</v>
      </c>
      <c r="B29" s="17"/>
      <c r="C29" s="13">
        <v>7085</v>
      </c>
      <c r="D29" s="14">
        <v>3374</v>
      </c>
      <c r="E29" s="14">
        <v>3711</v>
      </c>
      <c r="F29" s="14"/>
      <c r="G29" s="18" t="s">
        <v>56</v>
      </c>
      <c r="H29" s="17"/>
      <c r="I29" s="13">
        <v>12961</v>
      </c>
      <c r="J29" s="14">
        <v>5874</v>
      </c>
      <c r="K29" s="14">
        <v>7087</v>
      </c>
    </row>
    <row r="30" spans="1:11" ht="15" customHeight="1">
      <c r="A30" s="17" t="s">
        <v>57</v>
      </c>
      <c r="B30" s="17"/>
      <c r="C30" s="13">
        <v>1536</v>
      </c>
      <c r="D30" s="19">
        <v>729</v>
      </c>
      <c r="E30" s="19">
        <v>807</v>
      </c>
      <c r="F30" s="19"/>
      <c r="G30" s="18" t="s">
        <v>58</v>
      </c>
      <c r="H30" s="17"/>
      <c r="I30" s="13">
        <v>2328</v>
      </c>
      <c r="J30" s="19">
        <v>1086</v>
      </c>
      <c r="K30" s="19">
        <v>1242</v>
      </c>
    </row>
    <row r="31" spans="1:11" ht="15" customHeight="1">
      <c r="A31" s="17" t="s">
        <v>59</v>
      </c>
      <c r="B31" s="17"/>
      <c r="C31" s="13">
        <v>1507</v>
      </c>
      <c r="D31" s="19">
        <v>709</v>
      </c>
      <c r="E31" s="19">
        <v>798</v>
      </c>
      <c r="F31" s="19"/>
      <c r="G31" s="18" t="s">
        <v>60</v>
      </c>
      <c r="H31" s="17"/>
      <c r="I31" s="13">
        <v>2732</v>
      </c>
      <c r="J31" s="19">
        <v>1222</v>
      </c>
      <c r="K31" s="19">
        <v>1510</v>
      </c>
    </row>
    <row r="32" spans="1:11" ht="15" customHeight="1">
      <c r="A32" s="17" t="s">
        <v>61</v>
      </c>
      <c r="B32" s="17"/>
      <c r="C32" s="13">
        <v>1407</v>
      </c>
      <c r="D32" s="19">
        <v>658</v>
      </c>
      <c r="E32" s="19">
        <v>749</v>
      </c>
      <c r="F32" s="19"/>
      <c r="G32" s="18" t="s">
        <v>62</v>
      </c>
      <c r="H32" s="17"/>
      <c r="I32" s="13">
        <v>2844</v>
      </c>
      <c r="J32" s="19">
        <v>1281</v>
      </c>
      <c r="K32" s="19">
        <v>1563</v>
      </c>
    </row>
    <row r="33" spans="1:11" ht="15" customHeight="1">
      <c r="A33" s="17" t="s">
        <v>63</v>
      </c>
      <c r="B33" s="17"/>
      <c r="C33" s="13">
        <v>1353</v>
      </c>
      <c r="D33" s="19">
        <v>648</v>
      </c>
      <c r="E33" s="19">
        <v>705</v>
      </c>
      <c r="F33" s="19"/>
      <c r="G33" s="18" t="s">
        <v>64</v>
      </c>
      <c r="H33" s="17"/>
      <c r="I33" s="13">
        <v>2969</v>
      </c>
      <c r="J33" s="19">
        <v>1359</v>
      </c>
      <c r="K33" s="19">
        <v>1610</v>
      </c>
    </row>
    <row r="34" spans="1:11" ht="15" customHeight="1">
      <c r="A34" s="17" t="s">
        <v>65</v>
      </c>
      <c r="B34" s="17"/>
      <c r="C34" s="13">
        <v>1282</v>
      </c>
      <c r="D34" s="19">
        <v>630</v>
      </c>
      <c r="E34" s="19">
        <v>652</v>
      </c>
      <c r="F34" s="19"/>
      <c r="G34" s="18" t="s">
        <v>66</v>
      </c>
      <c r="H34" s="17"/>
      <c r="I34" s="13">
        <v>2088</v>
      </c>
      <c r="J34" s="19">
        <v>926</v>
      </c>
      <c r="K34" s="19">
        <v>1162</v>
      </c>
    </row>
    <row r="35" spans="1:11" ht="20.100000000000001" customHeight="1">
      <c r="A35" s="17" t="s">
        <v>67</v>
      </c>
      <c r="B35" s="17"/>
      <c r="C35" s="13">
        <v>6163</v>
      </c>
      <c r="D35" s="14">
        <v>2998</v>
      </c>
      <c r="E35" s="14">
        <v>3165</v>
      </c>
      <c r="F35" s="14"/>
      <c r="G35" s="18" t="s">
        <v>68</v>
      </c>
      <c r="H35" s="17"/>
      <c r="I35" s="13">
        <v>10943</v>
      </c>
      <c r="J35" s="14">
        <v>4623</v>
      </c>
      <c r="K35" s="14">
        <v>6320</v>
      </c>
    </row>
    <row r="36" spans="1:11" ht="15" customHeight="1">
      <c r="A36" s="17" t="s">
        <v>69</v>
      </c>
      <c r="B36" s="17"/>
      <c r="C36" s="13">
        <v>1206</v>
      </c>
      <c r="D36" s="19">
        <v>606</v>
      </c>
      <c r="E36" s="19">
        <v>600</v>
      </c>
      <c r="F36" s="19"/>
      <c r="G36" s="18" t="s">
        <v>70</v>
      </c>
      <c r="H36" s="17"/>
      <c r="I36" s="13">
        <v>1848</v>
      </c>
      <c r="J36" s="19">
        <v>792</v>
      </c>
      <c r="K36" s="19">
        <v>1056</v>
      </c>
    </row>
    <row r="37" spans="1:11" ht="15" customHeight="1">
      <c r="A37" s="17" t="s">
        <v>71</v>
      </c>
      <c r="B37" s="17"/>
      <c r="C37" s="13">
        <v>1326</v>
      </c>
      <c r="D37" s="19">
        <v>636</v>
      </c>
      <c r="E37" s="19">
        <v>690</v>
      </c>
      <c r="F37" s="19"/>
      <c r="G37" s="18" t="s">
        <v>72</v>
      </c>
      <c r="H37" s="17"/>
      <c r="I37" s="13">
        <v>2247</v>
      </c>
      <c r="J37" s="19">
        <v>956</v>
      </c>
      <c r="K37" s="19">
        <v>1291</v>
      </c>
    </row>
    <row r="38" spans="1:11" ht="15" customHeight="1">
      <c r="A38" s="17" t="s">
        <v>73</v>
      </c>
      <c r="B38" s="17"/>
      <c r="C38" s="13">
        <v>1187</v>
      </c>
      <c r="D38" s="19">
        <v>565</v>
      </c>
      <c r="E38" s="19">
        <v>622</v>
      </c>
      <c r="F38" s="19"/>
      <c r="G38" s="18" t="s">
        <v>74</v>
      </c>
      <c r="H38" s="17"/>
      <c r="I38" s="13">
        <v>2304</v>
      </c>
      <c r="J38" s="19">
        <v>983</v>
      </c>
      <c r="K38" s="19">
        <v>1321</v>
      </c>
    </row>
    <row r="39" spans="1:11" ht="15" customHeight="1">
      <c r="A39" s="17" t="s">
        <v>75</v>
      </c>
      <c r="B39" s="17"/>
      <c r="C39" s="13">
        <v>1195</v>
      </c>
      <c r="D39" s="19">
        <v>570</v>
      </c>
      <c r="E39" s="19">
        <v>625</v>
      </c>
      <c r="F39" s="19"/>
      <c r="G39" s="18" t="s">
        <v>76</v>
      </c>
      <c r="H39" s="17"/>
      <c r="I39" s="13">
        <v>2306</v>
      </c>
      <c r="J39" s="19">
        <v>962</v>
      </c>
      <c r="K39" s="19">
        <v>1344</v>
      </c>
    </row>
    <row r="40" spans="1:11" ht="15" customHeight="1">
      <c r="A40" s="17" t="s">
        <v>77</v>
      </c>
      <c r="B40" s="17"/>
      <c r="C40" s="13">
        <v>1249</v>
      </c>
      <c r="D40" s="19">
        <v>621</v>
      </c>
      <c r="E40" s="19">
        <v>628</v>
      </c>
      <c r="F40" s="19"/>
      <c r="G40" s="18" t="s">
        <v>78</v>
      </c>
      <c r="H40" s="17"/>
      <c r="I40" s="13">
        <v>2238</v>
      </c>
      <c r="J40" s="19">
        <v>930</v>
      </c>
      <c r="K40" s="19">
        <v>1308</v>
      </c>
    </row>
    <row r="41" spans="1:11" ht="20.100000000000001" customHeight="1">
      <c r="A41" s="17" t="s">
        <v>79</v>
      </c>
      <c r="B41" s="17"/>
      <c r="C41" s="13">
        <v>6839</v>
      </c>
      <c r="D41" s="14">
        <v>3346</v>
      </c>
      <c r="E41" s="14">
        <v>3493</v>
      </c>
      <c r="F41" s="14"/>
      <c r="G41" s="18" t="s">
        <v>80</v>
      </c>
      <c r="H41" s="17"/>
      <c r="I41" s="13">
        <v>8890</v>
      </c>
      <c r="J41" s="14">
        <v>3717</v>
      </c>
      <c r="K41" s="14">
        <v>5173</v>
      </c>
    </row>
    <row r="42" spans="1:11" ht="15" customHeight="1">
      <c r="A42" s="17" t="s">
        <v>81</v>
      </c>
      <c r="B42" s="17"/>
      <c r="C42" s="13">
        <v>1252</v>
      </c>
      <c r="D42" s="19">
        <v>612</v>
      </c>
      <c r="E42" s="19">
        <v>640</v>
      </c>
      <c r="F42" s="19"/>
      <c r="G42" s="18" t="s">
        <v>82</v>
      </c>
      <c r="H42" s="17"/>
      <c r="I42" s="13">
        <v>2077</v>
      </c>
      <c r="J42" s="19">
        <v>890</v>
      </c>
      <c r="K42" s="19">
        <v>1187</v>
      </c>
    </row>
    <row r="43" spans="1:11" ht="15" customHeight="1">
      <c r="A43" s="17" t="s">
        <v>83</v>
      </c>
      <c r="B43" s="17"/>
      <c r="C43" s="13">
        <v>1296</v>
      </c>
      <c r="D43" s="19">
        <v>636</v>
      </c>
      <c r="E43" s="19">
        <v>660</v>
      </c>
      <c r="F43" s="19"/>
      <c r="G43" s="18" t="s">
        <v>84</v>
      </c>
      <c r="H43" s="17"/>
      <c r="I43" s="13">
        <v>1737</v>
      </c>
      <c r="J43" s="19">
        <v>713</v>
      </c>
      <c r="K43" s="19">
        <v>1024</v>
      </c>
    </row>
    <row r="44" spans="1:11" ht="15" customHeight="1">
      <c r="A44" s="17" t="s">
        <v>85</v>
      </c>
      <c r="B44" s="17"/>
      <c r="C44" s="13">
        <v>1361</v>
      </c>
      <c r="D44" s="19">
        <v>669</v>
      </c>
      <c r="E44" s="19">
        <v>692</v>
      </c>
      <c r="F44" s="19"/>
      <c r="G44" s="18" t="s">
        <v>86</v>
      </c>
      <c r="H44" s="17"/>
      <c r="I44" s="13">
        <v>1684</v>
      </c>
      <c r="J44" s="19">
        <v>716</v>
      </c>
      <c r="K44" s="19">
        <v>968</v>
      </c>
    </row>
    <row r="45" spans="1:11" ht="15" customHeight="1">
      <c r="A45" s="17" t="s">
        <v>87</v>
      </c>
      <c r="B45" s="17"/>
      <c r="C45" s="13">
        <v>1418</v>
      </c>
      <c r="D45" s="19">
        <v>678</v>
      </c>
      <c r="E45" s="19">
        <v>740</v>
      </c>
      <c r="F45" s="19"/>
      <c r="G45" s="18" t="s">
        <v>88</v>
      </c>
      <c r="H45" s="17"/>
      <c r="I45" s="13">
        <v>1791</v>
      </c>
      <c r="J45" s="19">
        <v>752</v>
      </c>
      <c r="K45" s="19">
        <v>1039</v>
      </c>
    </row>
    <row r="46" spans="1:11" ht="15" customHeight="1">
      <c r="A46" s="17" t="s">
        <v>89</v>
      </c>
      <c r="B46" s="17"/>
      <c r="C46" s="13">
        <v>1512</v>
      </c>
      <c r="D46" s="19">
        <v>751</v>
      </c>
      <c r="E46" s="19">
        <v>761</v>
      </c>
      <c r="F46" s="19"/>
      <c r="G46" s="18" t="s">
        <v>90</v>
      </c>
      <c r="H46" s="17"/>
      <c r="I46" s="13">
        <v>1601</v>
      </c>
      <c r="J46" s="19">
        <v>646</v>
      </c>
      <c r="K46" s="19">
        <v>955</v>
      </c>
    </row>
    <row r="47" spans="1:11" ht="20.100000000000001" customHeight="1">
      <c r="A47" s="17" t="s">
        <v>91</v>
      </c>
      <c r="B47" s="17"/>
      <c r="C47" s="13">
        <v>8744</v>
      </c>
      <c r="D47" s="14">
        <v>4235</v>
      </c>
      <c r="E47" s="14">
        <v>4509</v>
      </c>
      <c r="F47" s="14"/>
      <c r="G47" s="18" t="s">
        <v>92</v>
      </c>
      <c r="H47" s="17"/>
      <c r="I47" s="13">
        <v>6543</v>
      </c>
      <c r="J47" s="14">
        <v>2546</v>
      </c>
      <c r="K47" s="14">
        <v>3997</v>
      </c>
    </row>
    <row r="48" spans="1:11" ht="15" customHeight="1">
      <c r="A48" s="17" t="s">
        <v>93</v>
      </c>
      <c r="B48" s="17"/>
      <c r="C48" s="13">
        <v>1565</v>
      </c>
      <c r="D48" s="19">
        <v>786</v>
      </c>
      <c r="E48" s="19">
        <v>779</v>
      </c>
      <c r="F48" s="19"/>
      <c r="G48" s="18" t="s">
        <v>94</v>
      </c>
      <c r="H48" s="17"/>
      <c r="I48" s="13">
        <v>1624</v>
      </c>
      <c r="J48" s="19">
        <v>673</v>
      </c>
      <c r="K48" s="19">
        <v>951</v>
      </c>
    </row>
    <row r="49" spans="1:11" ht="15" customHeight="1">
      <c r="A49" s="17" t="s">
        <v>95</v>
      </c>
      <c r="B49" s="17"/>
      <c r="C49" s="13">
        <v>1684</v>
      </c>
      <c r="D49" s="19">
        <v>799</v>
      </c>
      <c r="E49" s="19">
        <v>885</v>
      </c>
      <c r="F49" s="19"/>
      <c r="G49" s="18" t="s">
        <v>96</v>
      </c>
      <c r="H49" s="17"/>
      <c r="I49" s="13">
        <v>1410</v>
      </c>
      <c r="J49" s="19">
        <v>580</v>
      </c>
      <c r="K49" s="19">
        <v>830</v>
      </c>
    </row>
    <row r="50" spans="1:11" ht="15" customHeight="1">
      <c r="A50" s="17" t="s">
        <v>97</v>
      </c>
      <c r="B50" s="17"/>
      <c r="C50" s="13">
        <v>1772</v>
      </c>
      <c r="D50" s="19">
        <v>844</v>
      </c>
      <c r="E50" s="19">
        <v>928</v>
      </c>
      <c r="F50" s="19"/>
      <c r="G50" s="18" t="s">
        <v>98</v>
      </c>
      <c r="H50" s="17"/>
      <c r="I50" s="13">
        <v>1375</v>
      </c>
      <c r="J50" s="19">
        <v>520</v>
      </c>
      <c r="K50" s="19">
        <v>855</v>
      </c>
    </row>
    <row r="51" spans="1:11" ht="15" customHeight="1">
      <c r="A51" s="17" t="s">
        <v>99</v>
      </c>
      <c r="B51" s="17"/>
      <c r="C51" s="13">
        <v>1777</v>
      </c>
      <c r="D51" s="19">
        <v>890</v>
      </c>
      <c r="E51" s="19">
        <v>887</v>
      </c>
      <c r="F51" s="19"/>
      <c r="G51" s="18" t="s">
        <v>100</v>
      </c>
      <c r="H51" s="17"/>
      <c r="I51" s="13">
        <v>1151</v>
      </c>
      <c r="J51" s="19">
        <v>427</v>
      </c>
      <c r="K51" s="19">
        <v>724</v>
      </c>
    </row>
    <row r="52" spans="1:11" ht="15" customHeight="1">
      <c r="A52" s="17" t="s">
        <v>101</v>
      </c>
      <c r="B52" s="17"/>
      <c r="C52" s="13">
        <v>1946</v>
      </c>
      <c r="D52" s="19">
        <v>916</v>
      </c>
      <c r="E52" s="19">
        <v>1030</v>
      </c>
      <c r="F52" s="19"/>
      <c r="G52" s="18" t="s">
        <v>102</v>
      </c>
      <c r="H52" s="17"/>
      <c r="I52" s="13">
        <v>983</v>
      </c>
      <c r="J52" s="19">
        <v>346</v>
      </c>
      <c r="K52" s="19">
        <v>637</v>
      </c>
    </row>
    <row r="53" spans="1:11" ht="20.100000000000001" customHeight="1">
      <c r="A53" s="17" t="s">
        <v>103</v>
      </c>
      <c r="B53" s="17"/>
      <c r="C53" s="13">
        <v>11456</v>
      </c>
      <c r="D53" s="14">
        <v>5392</v>
      </c>
      <c r="E53" s="14">
        <v>6064</v>
      </c>
      <c r="F53" s="14"/>
      <c r="G53" s="18" t="s">
        <v>104</v>
      </c>
      <c r="H53" s="17"/>
      <c r="I53" s="13">
        <v>3250</v>
      </c>
      <c r="J53" s="14">
        <v>977</v>
      </c>
      <c r="K53" s="14">
        <v>2273</v>
      </c>
    </row>
    <row r="54" spans="1:11" ht="15" customHeight="1">
      <c r="A54" s="17" t="s">
        <v>105</v>
      </c>
      <c r="B54" s="17"/>
      <c r="C54" s="13">
        <v>1986</v>
      </c>
      <c r="D54" s="19">
        <v>933</v>
      </c>
      <c r="E54" s="19">
        <v>1053</v>
      </c>
      <c r="F54" s="19"/>
      <c r="G54" s="18" t="s">
        <v>106</v>
      </c>
      <c r="H54" s="17"/>
      <c r="I54" s="13">
        <v>927</v>
      </c>
      <c r="J54" s="19">
        <v>316</v>
      </c>
      <c r="K54" s="19">
        <v>611</v>
      </c>
    </row>
    <row r="55" spans="1:11" ht="15" customHeight="1">
      <c r="A55" s="17" t="s">
        <v>107</v>
      </c>
      <c r="B55" s="17"/>
      <c r="C55" s="13">
        <v>2225</v>
      </c>
      <c r="D55" s="19">
        <v>1032</v>
      </c>
      <c r="E55" s="19">
        <v>1193</v>
      </c>
      <c r="F55" s="19"/>
      <c r="G55" s="18" t="s">
        <v>108</v>
      </c>
      <c r="H55" s="17"/>
      <c r="I55" s="13">
        <v>781</v>
      </c>
      <c r="J55" s="19">
        <v>223</v>
      </c>
      <c r="K55" s="19">
        <v>558</v>
      </c>
    </row>
    <row r="56" spans="1:11" ht="15" customHeight="1">
      <c r="A56" s="17" t="s">
        <v>109</v>
      </c>
      <c r="B56" s="17"/>
      <c r="C56" s="13">
        <v>2297</v>
      </c>
      <c r="D56" s="19">
        <v>1101</v>
      </c>
      <c r="E56" s="19">
        <v>1196</v>
      </c>
      <c r="F56" s="19"/>
      <c r="G56" s="18" t="s">
        <v>110</v>
      </c>
      <c r="H56" s="17"/>
      <c r="I56" s="13">
        <v>655</v>
      </c>
      <c r="J56" s="19">
        <v>184</v>
      </c>
      <c r="K56" s="19">
        <v>471</v>
      </c>
    </row>
    <row r="57" spans="1:11" ht="15" customHeight="1">
      <c r="A57" s="17" t="s">
        <v>111</v>
      </c>
      <c r="B57" s="17"/>
      <c r="C57" s="13">
        <v>2386</v>
      </c>
      <c r="D57" s="19">
        <v>1139</v>
      </c>
      <c r="E57" s="19">
        <v>1247</v>
      </c>
      <c r="F57" s="19"/>
      <c r="G57" s="18" t="s">
        <v>112</v>
      </c>
      <c r="H57" s="17"/>
      <c r="I57" s="13">
        <v>498</v>
      </c>
      <c r="J57" s="19">
        <v>133</v>
      </c>
      <c r="K57" s="19">
        <v>365</v>
      </c>
    </row>
    <row r="58" spans="1:11" ht="15" customHeight="1">
      <c r="A58" s="17" t="s">
        <v>113</v>
      </c>
      <c r="B58" s="17"/>
      <c r="C58" s="13">
        <v>2562</v>
      </c>
      <c r="D58" s="19">
        <v>1187</v>
      </c>
      <c r="E58" s="19">
        <v>1375</v>
      </c>
      <c r="F58" s="19"/>
      <c r="G58" s="18" t="s">
        <v>114</v>
      </c>
      <c r="H58" s="17"/>
      <c r="I58" s="13">
        <v>389</v>
      </c>
      <c r="J58" s="19">
        <v>121</v>
      </c>
      <c r="K58" s="19">
        <v>268</v>
      </c>
    </row>
    <row r="59" spans="1:11" ht="20.100000000000001" customHeight="1">
      <c r="A59" s="17" t="s">
        <v>115</v>
      </c>
      <c r="B59" s="17"/>
      <c r="C59" s="13">
        <v>14915</v>
      </c>
      <c r="D59" s="14">
        <v>7100</v>
      </c>
      <c r="E59" s="14">
        <v>7815</v>
      </c>
      <c r="F59" s="14"/>
      <c r="G59" s="18" t="s">
        <v>116</v>
      </c>
      <c r="H59" s="17"/>
      <c r="I59" s="13">
        <v>840</v>
      </c>
      <c r="J59" s="14">
        <v>174</v>
      </c>
      <c r="K59" s="14">
        <v>666</v>
      </c>
    </row>
    <row r="60" spans="1:11" ht="15" customHeight="1">
      <c r="A60" s="17" t="s">
        <v>117</v>
      </c>
      <c r="B60" s="17"/>
      <c r="C60" s="13">
        <v>2631</v>
      </c>
      <c r="D60" s="19">
        <v>1284</v>
      </c>
      <c r="E60" s="19">
        <v>1347</v>
      </c>
      <c r="F60" s="19"/>
      <c r="G60" s="18" t="s">
        <v>118</v>
      </c>
      <c r="H60" s="17"/>
      <c r="I60" s="13">
        <v>287</v>
      </c>
      <c r="J60" s="19">
        <v>59</v>
      </c>
      <c r="K60" s="19">
        <v>228</v>
      </c>
    </row>
    <row r="61" spans="1:11" ht="15" customHeight="1">
      <c r="A61" s="17" t="s">
        <v>119</v>
      </c>
      <c r="B61" s="17"/>
      <c r="C61" s="13">
        <v>2844</v>
      </c>
      <c r="D61" s="19">
        <v>1367</v>
      </c>
      <c r="E61" s="19">
        <v>1477</v>
      </c>
      <c r="F61" s="19"/>
      <c r="G61" s="18" t="s">
        <v>120</v>
      </c>
      <c r="H61" s="17"/>
      <c r="I61" s="13">
        <v>226</v>
      </c>
      <c r="J61" s="19">
        <v>59</v>
      </c>
      <c r="K61" s="19">
        <v>167</v>
      </c>
    </row>
    <row r="62" spans="1:11" ht="15" customHeight="1">
      <c r="A62" s="17" t="s">
        <v>121</v>
      </c>
      <c r="B62" s="17"/>
      <c r="C62" s="13">
        <v>3111</v>
      </c>
      <c r="D62" s="19">
        <v>1472</v>
      </c>
      <c r="E62" s="19">
        <v>1639</v>
      </c>
      <c r="F62" s="19"/>
      <c r="G62" s="18" t="s">
        <v>122</v>
      </c>
      <c r="H62" s="17"/>
      <c r="I62" s="13">
        <v>139</v>
      </c>
      <c r="J62" s="19">
        <v>28</v>
      </c>
      <c r="K62" s="19">
        <v>111</v>
      </c>
    </row>
    <row r="63" spans="1:11" ht="15" customHeight="1">
      <c r="A63" s="17" t="s">
        <v>123</v>
      </c>
      <c r="B63" s="17"/>
      <c r="C63" s="13">
        <v>3109</v>
      </c>
      <c r="D63" s="19">
        <v>1472</v>
      </c>
      <c r="E63" s="19">
        <v>1637</v>
      </c>
      <c r="F63" s="19"/>
      <c r="G63" s="18" t="s">
        <v>124</v>
      </c>
      <c r="H63" s="17"/>
      <c r="I63" s="13">
        <v>108</v>
      </c>
      <c r="J63" s="19">
        <v>15</v>
      </c>
      <c r="K63" s="19">
        <v>93</v>
      </c>
    </row>
    <row r="64" spans="1:11" ht="15" customHeight="1">
      <c r="A64" s="17" t="s">
        <v>125</v>
      </c>
      <c r="B64" s="17"/>
      <c r="C64" s="13">
        <v>3220</v>
      </c>
      <c r="D64" s="19">
        <v>1505</v>
      </c>
      <c r="E64" s="19">
        <v>1715</v>
      </c>
      <c r="F64" s="19"/>
      <c r="G64" s="18" t="s">
        <v>126</v>
      </c>
      <c r="H64" s="17"/>
      <c r="I64" s="13">
        <v>80</v>
      </c>
      <c r="J64" s="19">
        <v>13</v>
      </c>
      <c r="K64" s="19">
        <v>6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72</v>
      </c>
      <c r="J65" s="19">
        <v>24</v>
      </c>
      <c r="K65" s="19">
        <v>14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89</v>
      </c>
      <c r="J66" s="29">
        <v>370</v>
      </c>
      <c r="K66" s="29">
        <v>51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57076</v>
      </c>
      <c r="D4" s="14">
        <v>26733</v>
      </c>
      <c r="E4" s="14">
        <v>3034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702</v>
      </c>
      <c r="D5" s="14">
        <v>853</v>
      </c>
      <c r="E5" s="14">
        <v>849</v>
      </c>
      <c r="F5" s="14"/>
      <c r="G5" s="18" t="s">
        <v>8</v>
      </c>
      <c r="H5" s="17"/>
      <c r="I5" s="13">
        <v>4672</v>
      </c>
      <c r="J5" s="14">
        <v>2241</v>
      </c>
      <c r="K5" s="14">
        <v>2431</v>
      </c>
    </row>
    <row r="6" spans="1:11" ht="15" customHeight="1">
      <c r="A6" s="17" t="s">
        <v>9</v>
      </c>
      <c r="B6" s="17"/>
      <c r="C6" s="13">
        <v>285</v>
      </c>
      <c r="D6" s="19">
        <v>147</v>
      </c>
      <c r="E6" s="19">
        <v>138</v>
      </c>
      <c r="F6" s="19"/>
      <c r="G6" s="18" t="s">
        <v>10</v>
      </c>
      <c r="H6" s="17"/>
      <c r="I6" s="13">
        <v>1011</v>
      </c>
      <c r="J6" s="19">
        <v>475</v>
      </c>
      <c r="K6" s="19">
        <v>536</v>
      </c>
    </row>
    <row r="7" spans="1:11" ht="15" customHeight="1">
      <c r="A7" s="17" t="s">
        <v>11</v>
      </c>
      <c r="B7" s="17"/>
      <c r="C7" s="13">
        <v>333</v>
      </c>
      <c r="D7" s="19">
        <v>164</v>
      </c>
      <c r="E7" s="19">
        <v>169</v>
      </c>
      <c r="F7" s="19"/>
      <c r="G7" s="18" t="s">
        <v>12</v>
      </c>
      <c r="H7" s="17"/>
      <c r="I7" s="13">
        <v>925</v>
      </c>
      <c r="J7" s="19">
        <v>438</v>
      </c>
      <c r="K7" s="19">
        <v>487</v>
      </c>
    </row>
    <row r="8" spans="1:11" ht="15" customHeight="1">
      <c r="A8" s="17" t="s">
        <v>13</v>
      </c>
      <c r="B8" s="17"/>
      <c r="C8" s="13">
        <v>376</v>
      </c>
      <c r="D8" s="19">
        <v>197</v>
      </c>
      <c r="E8" s="19">
        <v>179</v>
      </c>
      <c r="F8" s="19"/>
      <c r="G8" s="18" t="s">
        <v>14</v>
      </c>
      <c r="H8" s="17"/>
      <c r="I8" s="13">
        <v>968</v>
      </c>
      <c r="J8" s="19">
        <v>453</v>
      </c>
      <c r="K8" s="19">
        <v>515</v>
      </c>
    </row>
    <row r="9" spans="1:11" ht="15" customHeight="1">
      <c r="A9" s="17" t="s">
        <v>15</v>
      </c>
      <c r="B9" s="17"/>
      <c r="C9" s="13">
        <v>332</v>
      </c>
      <c r="D9" s="19">
        <v>170</v>
      </c>
      <c r="E9" s="19">
        <v>162</v>
      </c>
      <c r="F9" s="19"/>
      <c r="G9" s="18" t="s">
        <v>16</v>
      </c>
      <c r="H9" s="17"/>
      <c r="I9" s="13">
        <v>1033</v>
      </c>
      <c r="J9" s="19">
        <v>516</v>
      </c>
      <c r="K9" s="19">
        <v>517</v>
      </c>
    </row>
    <row r="10" spans="1:11" ht="15" customHeight="1">
      <c r="A10" s="17" t="s">
        <v>17</v>
      </c>
      <c r="B10" s="17"/>
      <c r="C10" s="13">
        <v>376</v>
      </c>
      <c r="D10" s="19">
        <v>175</v>
      </c>
      <c r="E10" s="19">
        <v>201</v>
      </c>
      <c r="F10" s="19"/>
      <c r="G10" s="18" t="s">
        <v>18</v>
      </c>
      <c r="H10" s="17"/>
      <c r="I10" s="13">
        <v>735</v>
      </c>
      <c r="J10" s="19">
        <v>359</v>
      </c>
      <c r="K10" s="19">
        <v>376</v>
      </c>
    </row>
    <row r="11" spans="1:11" ht="20.100000000000001" customHeight="1">
      <c r="A11" s="17" t="s">
        <v>19</v>
      </c>
      <c r="B11" s="17"/>
      <c r="C11" s="13">
        <v>2247</v>
      </c>
      <c r="D11" s="14">
        <v>1185</v>
      </c>
      <c r="E11" s="14">
        <v>1062</v>
      </c>
      <c r="F11" s="14"/>
      <c r="G11" s="18" t="s">
        <v>20</v>
      </c>
      <c r="H11" s="17"/>
      <c r="I11" s="13">
        <v>4047</v>
      </c>
      <c r="J11" s="14">
        <v>2033</v>
      </c>
      <c r="K11" s="14">
        <v>2014</v>
      </c>
    </row>
    <row r="12" spans="1:11" ht="15" customHeight="1">
      <c r="A12" s="17" t="s">
        <v>21</v>
      </c>
      <c r="B12" s="17"/>
      <c r="C12" s="13">
        <v>456</v>
      </c>
      <c r="D12" s="19">
        <v>247</v>
      </c>
      <c r="E12" s="19">
        <v>209</v>
      </c>
      <c r="F12" s="19"/>
      <c r="G12" s="18" t="s">
        <v>22</v>
      </c>
      <c r="H12" s="17"/>
      <c r="I12" s="13">
        <v>903</v>
      </c>
      <c r="J12" s="19">
        <v>465</v>
      </c>
      <c r="K12" s="19">
        <v>438</v>
      </c>
    </row>
    <row r="13" spans="1:11" ht="15" customHeight="1">
      <c r="A13" s="17" t="s">
        <v>23</v>
      </c>
      <c r="B13" s="17"/>
      <c r="C13" s="13">
        <v>403</v>
      </c>
      <c r="D13" s="19">
        <v>204</v>
      </c>
      <c r="E13" s="19">
        <v>199</v>
      </c>
      <c r="F13" s="19"/>
      <c r="G13" s="18" t="s">
        <v>24</v>
      </c>
      <c r="H13" s="17"/>
      <c r="I13" s="13">
        <v>808</v>
      </c>
      <c r="J13" s="19">
        <v>410</v>
      </c>
      <c r="K13" s="19">
        <v>398</v>
      </c>
    </row>
    <row r="14" spans="1:11" ht="15" customHeight="1">
      <c r="A14" s="17" t="s">
        <v>25</v>
      </c>
      <c r="B14" s="17"/>
      <c r="C14" s="13">
        <v>465</v>
      </c>
      <c r="D14" s="19">
        <v>239</v>
      </c>
      <c r="E14" s="19">
        <v>226</v>
      </c>
      <c r="F14" s="19"/>
      <c r="G14" s="18" t="s">
        <v>26</v>
      </c>
      <c r="H14" s="17"/>
      <c r="I14" s="13">
        <v>828</v>
      </c>
      <c r="J14" s="19">
        <v>409</v>
      </c>
      <c r="K14" s="19">
        <v>419</v>
      </c>
    </row>
    <row r="15" spans="1:11" ht="15" customHeight="1">
      <c r="A15" s="17" t="s">
        <v>27</v>
      </c>
      <c r="B15" s="17"/>
      <c r="C15" s="13">
        <v>449</v>
      </c>
      <c r="D15" s="19">
        <v>246</v>
      </c>
      <c r="E15" s="19">
        <v>203</v>
      </c>
      <c r="F15" s="19"/>
      <c r="G15" s="18" t="s">
        <v>28</v>
      </c>
      <c r="H15" s="17"/>
      <c r="I15" s="13">
        <v>789</v>
      </c>
      <c r="J15" s="19">
        <v>389</v>
      </c>
      <c r="K15" s="19">
        <v>400</v>
      </c>
    </row>
    <row r="16" spans="1:11" ht="15" customHeight="1">
      <c r="A16" s="17" t="s">
        <v>29</v>
      </c>
      <c r="B16" s="17"/>
      <c r="C16" s="13">
        <v>474</v>
      </c>
      <c r="D16" s="19">
        <v>249</v>
      </c>
      <c r="E16" s="19">
        <v>225</v>
      </c>
      <c r="F16" s="19"/>
      <c r="G16" s="18" t="s">
        <v>30</v>
      </c>
      <c r="H16" s="17"/>
      <c r="I16" s="13">
        <v>719</v>
      </c>
      <c r="J16" s="19">
        <v>360</v>
      </c>
      <c r="K16" s="19">
        <v>359</v>
      </c>
    </row>
    <row r="17" spans="1:11" ht="20.100000000000001" customHeight="1">
      <c r="A17" s="20" t="s">
        <v>31</v>
      </c>
      <c r="B17" s="20"/>
      <c r="C17" s="13">
        <v>2410</v>
      </c>
      <c r="D17" s="14">
        <v>1201</v>
      </c>
      <c r="E17" s="14">
        <v>1209</v>
      </c>
      <c r="F17" s="14"/>
      <c r="G17" s="18" t="s">
        <v>32</v>
      </c>
      <c r="H17" s="17"/>
      <c r="I17" s="13">
        <v>3259</v>
      </c>
      <c r="J17" s="14">
        <v>1575</v>
      </c>
      <c r="K17" s="14">
        <v>1684</v>
      </c>
    </row>
    <row r="18" spans="1:11" ht="15" customHeight="1">
      <c r="A18" s="17" t="s">
        <v>33</v>
      </c>
      <c r="B18" s="17"/>
      <c r="C18" s="13">
        <v>474</v>
      </c>
      <c r="D18" s="19">
        <v>245</v>
      </c>
      <c r="E18" s="19">
        <v>229</v>
      </c>
      <c r="F18" s="19"/>
      <c r="G18" s="18" t="s">
        <v>34</v>
      </c>
      <c r="H18" s="17"/>
      <c r="I18" s="13">
        <v>698</v>
      </c>
      <c r="J18" s="19">
        <v>341</v>
      </c>
      <c r="K18" s="19">
        <v>357</v>
      </c>
    </row>
    <row r="19" spans="1:11" ht="15" customHeight="1">
      <c r="A19" s="17" t="s">
        <v>35</v>
      </c>
      <c r="B19" s="17"/>
      <c r="C19" s="13">
        <v>480</v>
      </c>
      <c r="D19" s="19">
        <v>231</v>
      </c>
      <c r="E19" s="19">
        <v>249</v>
      </c>
      <c r="F19" s="19"/>
      <c r="G19" s="18" t="s">
        <v>36</v>
      </c>
      <c r="H19" s="17"/>
      <c r="I19" s="13">
        <v>700</v>
      </c>
      <c r="J19" s="19">
        <v>346</v>
      </c>
      <c r="K19" s="19">
        <v>354</v>
      </c>
    </row>
    <row r="20" spans="1:11" ht="15" customHeight="1">
      <c r="A20" s="17" t="s">
        <v>37</v>
      </c>
      <c r="B20" s="17"/>
      <c r="C20" s="13">
        <v>478</v>
      </c>
      <c r="D20" s="19">
        <v>233</v>
      </c>
      <c r="E20" s="19">
        <v>245</v>
      </c>
      <c r="F20" s="19"/>
      <c r="G20" s="18" t="s">
        <v>38</v>
      </c>
      <c r="H20" s="17"/>
      <c r="I20" s="13">
        <v>670</v>
      </c>
      <c r="J20" s="19">
        <v>312</v>
      </c>
      <c r="K20" s="19">
        <v>358</v>
      </c>
    </row>
    <row r="21" spans="1:11" ht="15" customHeight="1">
      <c r="A21" s="17" t="s">
        <v>39</v>
      </c>
      <c r="B21" s="17"/>
      <c r="C21" s="13">
        <v>491</v>
      </c>
      <c r="D21" s="19">
        <v>244</v>
      </c>
      <c r="E21" s="19">
        <v>247</v>
      </c>
      <c r="F21" s="19"/>
      <c r="G21" s="18" t="s">
        <v>40</v>
      </c>
      <c r="H21" s="17"/>
      <c r="I21" s="13">
        <v>625</v>
      </c>
      <c r="J21" s="19">
        <v>311</v>
      </c>
      <c r="K21" s="19">
        <v>314</v>
      </c>
    </row>
    <row r="22" spans="1:11" ht="15" customHeight="1">
      <c r="A22" s="17" t="s">
        <v>41</v>
      </c>
      <c r="B22" s="17"/>
      <c r="C22" s="13">
        <v>487</v>
      </c>
      <c r="D22" s="19">
        <v>248</v>
      </c>
      <c r="E22" s="19">
        <v>239</v>
      </c>
      <c r="F22" s="19"/>
      <c r="G22" s="18" t="s">
        <v>42</v>
      </c>
      <c r="H22" s="17"/>
      <c r="I22" s="13">
        <v>566</v>
      </c>
      <c r="J22" s="19">
        <v>265</v>
      </c>
      <c r="K22" s="19">
        <v>301</v>
      </c>
    </row>
    <row r="23" spans="1:11" ht="20.100000000000001" customHeight="1">
      <c r="A23" s="17" t="s">
        <v>43</v>
      </c>
      <c r="B23" s="17"/>
      <c r="C23" s="13">
        <v>2398</v>
      </c>
      <c r="D23" s="14">
        <v>1235</v>
      </c>
      <c r="E23" s="14">
        <v>1163</v>
      </c>
      <c r="F23" s="14"/>
      <c r="G23" s="18" t="s">
        <v>44</v>
      </c>
      <c r="H23" s="17"/>
      <c r="I23" s="13">
        <v>3220</v>
      </c>
      <c r="J23" s="14">
        <v>1514</v>
      </c>
      <c r="K23" s="14">
        <v>1706</v>
      </c>
    </row>
    <row r="24" spans="1:11" ht="15" customHeight="1">
      <c r="A24" s="17" t="s">
        <v>45</v>
      </c>
      <c r="B24" s="17"/>
      <c r="C24" s="13">
        <v>463</v>
      </c>
      <c r="D24" s="19">
        <v>218</v>
      </c>
      <c r="E24" s="19">
        <v>245</v>
      </c>
      <c r="F24" s="19"/>
      <c r="G24" s="18" t="s">
        <v>46</v>
      </c>
      <c r="H24" s="17"/>
      <c r="I24" s="13">
        <v>624</v>
      </c>
      <c r="J24" s="19">
        <v>297</v>
      </c>
      <c r="K24" s="19">
        <v>327</v>
      </c>
    </row>
    <row r="25" spans="1:11" ht="15" customHeight="1">
      <c r="A25" s="17" t="s">
        <v>47</v>
      </c>
      <c r="B25" s="17"/>
      <c r="C25" s="13">
        <v>481</v>
      </c>
      <c r="D25" s="19">
        <v>254</v>
      </c>
      <c r="E25" s="19">
        <v>227</v>
      </c>
      <c r="F25" s="19"/>
      <c r="G25" s="18" t="s">
        <v>48</v>
      </c>
      <c r="H25" s="17"/>
      <c r="I25" s="13">
        <v>651</v>
      </c>
      <c r="J25" s="19">
        <v>314</v>
      </c>
      <c r="K25" s="19">
        <v>337</v>
      </c>
    </row>
    <row r="26" spans="1:11" ht="15" customHeight="1">
      <c r="A26" s="17" t="s">
        <v>49</v>
      </c>
      <c r="B26" s="17"/>
      <c r="C26" s="13">
        <v>457</v>
      </c>
      <c r="D26" s="19">
        <v>246</v>
      </c>
      <c r="E26" s="19">
        <v>211</v>
      </c>
      <c r="F26" s="19"/>
      <c r="G26" s="18" t="s">
        <v>50</v>
      </c>
      <c r="H26" s="17"/>
      <c r="I26" s="13">
        <v>624</v>
      </c>
      <c r="J26" s="19">
        <v>285</v>
      </c>
      <c r="K26" s="19">
        <v>339</v>
      </c>
    </row>
    <row r="27" spans="1:11" ht="15" customHeight="1">
      <c r="A27" s="17" t="s">
        <v>51</v>
      </c>
      <c r="B27" s="17"/>
      <c r="C27" s="13">
        <v>511</v>
      </c>
      <c r="D27" s="19">
        <v>273</v>
      </c>
      <c r="E27" s="19">
        <v>238</v>
      </c>
      <c r="F27" s="19"/>
      <c r="G27" s="18" t="s">
        <v>52</v>
      </c>
      <c r="H27" s="17"/>
      <c r="I27" s="13">
        <v>639</v>
      </c>
      <c r="J27" s="19">
        <v>308</v>
      </c>
      <c r="K27" s="19">
        <v>331</v>
      </c>
    </row>
    <row r="28" spans="1:11" ht="15" customHeight="1">
      <c r="A28" s="17" t="s">
        <v>53</v>
      </c>
      <c r="B28" s="17"/>
      <c r="C28" s="13">
        <v>486</v>
      </c>
      <c r="D28" s="19">
        <v>244</v>
      </c>
      <c r="E28" s="19">
        <v>242</v>
      </c>
      <c r="F28" s="19"/>
      <c r="G28" s="18" t="s">
        <v>54</v>
      </c>
      <c r="H28" s="17"/>
      <c r="I28" s="13">
        <v>682</v>
      </c>
      <c r="J28" s="19">
        <v>310</v>
      </c>
      <c r="K28" s="19">
        <v>372</v>
      </c>
    </row>
    <row r="29" spans="1:11" ht="20.100000000000001" customHeight="1">
      <c r="A29" s="17" t="s">
        <v>55</v>
      </c>
      <c r="B29" s="17"/>
      <c r="C29" s="13">
        <v>2184</v>
      </c>
      <c r="D29" s="14">
        <v>1113</v>
      </c>
      <c r="E29" s="14">
        <v>1071</v>
      </c>
      <c r="F29" s="14"/>
      <c r="G29" s="18" t="s">
        <v>56</v>
      </c>
      <c r="H29" s="17"/>
      <c r="I29" s="13">
        <v>4406</v>
      </c>
      <c r="J29" s="14">
        <v>1995</v>
      </c>
      <c r="K29" s="14">
        <v>2411</v>
      </c>
    </row>
    <row r="30" spans="1:11" ht="15" customHeight="1">
      <c r="A30" s="17" t="s">
        <v>57</v>
      </c>
      <c r="B30" s="17"/>
      <c r="C30" s="13">
        <v>490</v>
      </c>
      <c r="D30" s="19">
        <v>252</v>
      </c>
      <c r="E30" s="19">
        <v>238</v>
      </c>
      <c r="F30" s="19"/>
      <c r="G30" s="18" t="s">
        <v>58</v>
      </c>
      <c r="H30" s="17"/>
      <c r="I30" s="13">
        <v>801</v>
      </c>
      <c r="J30" s="19">
        <v>377</v>
      </c>
      <c r="K30" s="19">
        <v>424</v>
      </c>
    </row>
    <row r="31" spans="1:11" ht="15" customHeight="1">
      <c r="A31" s="17" t="s">
        <v>59</v>
      </c>
      <c r="B31" s="17"/>
      <c r="C31" s="13">
        <v>462</v>
      </c>
      <c r="D31" s="19">
        <v>242</v>
      </c>
      <c r="E31" s="19">
        <v>220</v>
      </c>
      <c r="F31" s="19"/>
      <c r="G31" s="18" t="s">
        <v>60</v>
      </c>
      <c r="H31" s="17"/>
      <c r="I31" s="13">
        <v>963</v>
      </c>
      <c r="J31" s="19">
        <v>457</v>
      </c>
      <c r="K31" s="19">
        <v>506</v>
      </c>
    </row>
    <row r="32" spans="1:11" ht="15" customHeight="1">
      <c r="A32" s="17" t="s">
        <v>61</v>
      </c>
      <c r="B32" s="17"/>
      <c r="C32" s="13">
        <v>459</v>
      </c>
      <c r="D32" s="19">
        <v>229</v>
      </c>
      <c r="E32" s="19">
        <v>230</v>
      </c>
      <c r="F32" s="19"/>
      <c r="G32" s="18" t="s">
        <v>62</v>
      </c>
      <c r="H32" s="17"/>
      <c r="I32" s="13">
        <v>977</v>
      </c>
      <c r="J32" s="19">
        <v>433</v>
      </c>
      <c r="K32" s="19">
        <v>544</v>
      </c>
    </row>
    <row r="33" spans="1:11" ht="15" customHeight="1">
      <c r="A33" s="17" t="s">
        <v>63</v>
      </c>
      <c r="B33" s="17"/>
      <c r="C33" s="13">
        <v>384</v>
      </c>
      <c r="D33" s="19">
        <v>184</v>
      </c>
      <c r="E33" s="19">
        <v>200</v>
      </c>
      <c r="F33" s="19"/>
      <c r="G33" s="18" t="s">
        <v>64</v>
      </c>
      <c r="H33" s="17"/>
      <c r="I33" s="13">
        <v>980</v>
      </c>
      <c r="J33" s="19">
        <v>427</v>
      </c>
      <c r="K33" s="19">
        <v>553</v>
      </c>
    </row>
    <row r="34" spans="1:11" ht="15" customHeight="1">
      <c r="A34" s="17" t="s">
        <v>65</v>
      </c>
      <c r="B34" s="17"/>
      <c r="C34" s="13">
        <v>389</v>
      </c>
      <c r="D34" s="19">
        <v>206</v>
      </c>
      <c r="E34" s="19">
        <v>183</v>
      </c>
      <c r="F34" s="19"/>
      <c r="G34" s="18" t="s">
        <v>66</v>
      </c>
      <c r="H34" s="17"/>
      <c r="I34" s="13">
        <v>685</v>
      </c>
      <c r="J34" s="19">
        <v>301</v>
      </c>
      <c r="K34" s="19">
        <v>384</v>
      </c>
    </row>
    <row r="35" spans="1:11" ht="20.100000000000001" customHeight="1">
      <c r="A35" s="17" t="s">
        <v>67</v>
      </c>
      <c r="B35" s="17"/>
      <c r="C35" s="13">
        <v>1619</v>
      </c>
      <c r="D35" s="14">
        <v>744</v>
      </c>
      <c r="E35" s="14">
        <v>875</v>
      </c>
      <c r="F35" s="14"/>
      <c r="G35" s="18" t="s">
        <v>68</v>
      </c>
      <c r="H35" s="17"/>
      <c r="I35" s="13">
        <v>3812</v>
      </c>
      <c r="J35" s="14">
        <v>1621</v>
      </c>
      <c r="K35" s="14">
        <v>2191</v>
      </c>
    </row>
    <row r="36" spans="1:11" ht="15" customHeight="1">
      <c r="A36" s="17" t="s">
        <v>69</v>
      </c>
      <c r="B36" s="17"/>
      <c r="C36" s="13">
        <v>337</v>
      </c>
      <c r="D36" s="19">
        <v>145</v>
      </c>
      <c r="E36" s="19">
        <v>192</v>
      </c>
      <c r="F36" s="19"/>
      <c r="G36" s="18" t="s">
        <v>70</v>
      </c>
      <c r="H36" s="17"/>
      <c r="I36" s="13">
        <v>629</v>
      </c>
      <c r="J36" s="19">
        <v>269</v>
      </c>
      <c r="K36" s="19">
        <v>360</v>
      </c>
    </row>
    <row r="37" spans="1:11" ht="15" customHeight="1">
      <c r="A37" s="17" t="s">
        <v>71</v>
      </c>
      <c r="B37" s="17"/>
      <c r="C37" s="13">
        <v>307</v>
      </c>
      <c r="D37" s="19">
        <v>142</v>
      </c>
      <c r="E37" s="19">
        <v>165</v>
      </c>
      <c r="F37" s="19"/>
      <c r="G37" s="18" t="s">
        <v>72</v>
      </c>
      <c r="H37" s="17"/>
      <c r="I37" s="13">
        <v>746</v>
      </c>
      <c r="J37" s="19">
        <v>306</v>
      </c>
      <c r="K37" s="19">
        <v>440</v>
      </c>
    </row>
    <row r="38" spans="1:11" ht="15" customHeight="1">
      <c r="A38" s="17" t="s">
        <v>73</v>
      </c>
      <c r="B38" s="17"/>
      <c r="C38" s="13">
        <v>317</v>
      </c>
      <c r="D38" s="19">
        <v>153</v>
      </c>
      <c r="E38" s="19">
        <v>164</v>
      </c>
      <c r="F38" s="19"/>
      <c r="G38" s="18" t="s">
        <v>74</v>
      </c>
      <c r="H38" s="17"/>
      <c r="I38" s="13">
        <v>856</v>
      </c>
      <c r="J38" s="19">
        <v>365</v>
      </c>
      <c r="K38" s="19">
        <v>491</v>
      </c>
    </row>
    <row r="39" spans="1:11" ht="15" customHeight="1">
      <c r="A39" s="17" t="s">
        <v>75</v>
      </c>
      <c r="B39" s="17"/>
      <c r="C39" s="13">
        <v>326</v>
      </c>
      <c r="D39" s="19">
        <v>157</v>
      </c>
      <c r="E39" s="19">
        <v>169</v>
      </c>
      <c r="F39" s="19"/>
      <c r="G39" s="18" t="s">
        <v>76</v>
      </c>
      <c r="H39" s="17"/>
      <c r="I39" s="13">
        <v>780</v>
      </c>
      <c r="J39" s="19">
        <v>339</v>
      </c>
      <c r="K39" s="19">
        <v>441</v>
      </c>
    </row>
    <row r="40" spans="1:11" ht="15" customHeight="1">
      <c r="A40" s="17" t="s">
        <v>77</v>
      </c>
      <c r="B40" s="17"/>
      <c r="C40" s="13">
        <v>332</v>
      </c>
      <c r="D40" s="19">
        <v>147</v>
      </c>
      <c r="E40" s="19">
        <v>185</v>
      </c>
      <c r="F40" s="19"/>
      <c r="G40" s="18" t="s">
        <v>78</v>
      </c>
      <c r="H40" s="17"/>
      <c r="I40" s="13">
        <v>801</v>
      </c>
      <c r="J40" s="19">
        <v>342</v>
      </c>
      <c r="K40" s="19">
        <v>459</v>
      </c>
    </row>
    <row r="41" spans="1:11" ht="20.100000000000001" customHeight="1">
      <c r="A41" s="17" t="s">
        <v>79</v>
      </c>
      <c r="B41" s="17"/>
      <c r="C41" s="13">
        <v>1953</v>
      </c>
      <c r="D41" s="14">
        <v>915</v>
      </c>
      <c r="E41" s="14">
        <v>1038</v>
      </c>
      <c r="F41" s="14"/>
      <c r="G41" s="18" t="s">
        <v>80</v>
      </c>
      <c r="H41" s="17"/>
      <c r="I41" s="13">
        <v>3018</v>
      </c>
      <c r="J41" s="14">
        <v>1243</v>
      </c>
      <c r="K41" s="14">
        <v>1775</v>
      </c>
    </row>
    <row r="42" spans="1:11" ht="15" customHeight="1">
      <c r="A42" s="17" t="s">
        <v>81</v>
      </c>
      <c r="B42" s="17"/>
      <c r="C42" s="13">
        <v>312</v>
      </c>
      <c r="D42" s="19">
        <v>153</v>
      </c>
      <c r="E42" s="19">
        <v>159</v>
      </c>
      <c r="F42" s="19"/>
      <c r="G42" s="18" t="s">
        <v>82</v>
      </c>
      <c r="H42" s="17"/>
      <c r="I42" s="13">
        <v>701</v>
      </c>
      <c r="J42" s="19">
        <v>300</v>
      </c>
      <c r="K42" s="19">
        <v>401</v>
      </c>
    </row>
    <row r="43" spans="1:11" ht="15" customHeight="1">
      <c r="A43" s="17" t="s">
        <v>83</v>
      </c>
      <c r="B43" s="17"/>
      <c r="C43" s="13">
        <v>380</v>
      </c>
      <c r="D43" s="19">
        <v>179</v>
      </c>
      <c r="E43" s="19">
        <v>201</v>
      </c>
      <c r="F43" s="19"/>
      <c r="G43" s="18" t="s">
        <v>84</v>
      </c>
      <c r="H43" s="17"/>
      <c r="I43" s="13">
        <v>601</v>
      </c>
      <c r="J43" s="19">
        <v>245</v>
      </c>
      <c r="K43" s="19">
        <v>356</v>
      </c>
    </row>
    <row r="44" spans="1:11" ht="15" customHeight="1">
      <c r="A44" s="17" t="s">
        <v>85</v>
      </c>
      <c r="B44" s="17"/>
      <c r="C44" s="13">
        <v>404</v>
      </c>
      <c r="D44" s="19">
        <v>199</v>
      </c>
      <c r="E44" s="19">
        <v>205</v>
      </c>
      <c r="F44" s="19"/>
      <c r="G44" s="18" t="s">
        <v>86</v>
      </c>
      <c r="H44" s="17"/>
      <c r="I44" s="13">
        <v>517</v>
      </c>
      <c r="J44" s="19">
        <v>215</v>
      </c>
      <c r="K44" s="19">
        <v>302</v>
      </c>
    </row>
    <row r="45" spans="1:11" ht="15" customHeight="1">
      <c r="A45" s="17" t="s">
        <v>87</v>
      </c>
      <c r="B45" s="17"/>
      <c r="C45" s="13">
        <v>439</v>
      </c>
      <c r="D45" s="19">
        <v>200</v>
      </c>
      <c r="E45" s="19">
        <v>239</v>
      </c>
      <c r="F45" s="19"/>
      <c r="G45" s="18" t="s">
        <v>88</v>
      </c>
      <c r="H45" s="17"/>
      <c r="I45" s="13">
        <v>640</v>
      </c>
      <c r="J45" s="19">
        <v>276</v>
      </c>
      <c r="K45" s="19">
        <v>364</v>
      </c>
    </row>
    <row r="46" spans="1:11" ht="15" customHeight="1">
      <c r="A46" s="17" t="s">
        <v>89</v>
      </c>
      <c r="B46" s="17"/>
      <c r="C46" s="13">
        <v>418</v>
      </c>
      <c r="D46" s="19">
        <v>184</v>
      </c>
      <c r="E46" s="19">
        <v>234</v>
      </c>
      <c r="F46" s="19"/>
      <c r="G46" s="18" t="s">
        <v>90</v>
      </c>
      <c r="H46" s="17"/>
      <c r="I46" s="13">
        <v>559</v>
      </c>
      <c r="J46" s="19">
        <v>207</v>
      </c>
      <c r="K46" s="19">
        <v>352</v>
      </c>
    </row>
    <row r="47" spans="1:11" ht="20.100000000000001" customHeight="1">
      <c r="A47" s="17" t="s">
        <v>91</v>
      </c>
      <c r="B47" s="17"/>
      <c r="C47" s="13">
        <v>2697</v>
      </c>
      <c r="D47" s="14">
        <v>1256</v>
      </c>
      <c r="E47" s="14">
        <v>1441</v>
      </c>
      <c r="F47" s="14"/>
      <c r="G47" s="18" t="s">
        <v>92</v>
      </c>
      <c r="H47" s="17"/>
      <c r="I47" s="13">
        <v>2165</v>
      </c>
      <c r="J47" s="14">
        <v>834</v>
      </c>
      <c r="K47" s="14">
        <v>1331</v>
      </c>
    </row>
    <row r="48" spans="1:11" ht="15" customHeight="1">
      <c r="A48" s="17" t="s">
        <v>93</v>
      </c>
      <c r="B48" s="17"/>
      <c r="C48" s="13">
        <v>487</v>
      </c>
      <c r="D48" s="19">
        <v>230</v>
      </c>
      <c r="E48" s="19">
        <v>257</v>
      </c>
      <c r="F48" s="19"/>
      <c r="G48" s="18" t="s">
        <v>94</v>
      </c>
      <c r="H48" s="17"/>
      <c r="I48" s="13">
        <v>543</v>
      </c>
      <c r="J48" s="19">
        <v>228</v>
      </c>
      <c r="K48" s="19">
        <v>315</v>
      </c>
    </row>
    <row r="49" spans="1:11" ht="15" customHeight="1">
      <c r="A49" s="17" t="s">
        <v>95</v>
      </c>
      <c r="B49" s="17"/>
      <c r="C49" s="13">
        <v>524</v>
      </c>
      <c r="D49" s="19">
        <v>253</v>
      </c>
      <c r="E49" s="19">
        <v>271</v>
      </c>
      <c r="F49" s="19"/>
      <c r="G49" s="18" t="s">
        <v>96</v>
      </c>
      <c r="H49" s="17"/>
      <c r="I49" s="13">
        <v>459</v>
      </c>
      <c r="J49" s="19">
        <v>175</v>
      </c>
      <c r="K49" s="19">
        <v>284</v>
      </c>
    </row>
    <row r="50" spans="1:11" ht="15" customHeight="1">
      <c r="A50" s="17" t="s">
        <v>97</v>
      </c>
      <c r="B50" s="17"/>
      <c r="C50" s="13">
        <v>549</v>
      </c>
      <c r="D50" s="19">
        <v>240</v>
      </c>
      <c r="E50" s="19">
        <v>309</v>
      </c>
      <c r="F50" s="19"/>
      <c r="G50" s="18" t="s">
        <v>98</v>
      </c>
      <c r="H50" s="17"/>
      <c r="I50" s="13">
        <v>440</v>
      </c>
      <c r="J50" s="19">
        <v>166</v>
      </c>
      <c r="K50" s="19">
        <v>274</v>
      </c>
    </row>
    <row r="51" spans="1:11" ht="15" customHeight="1">
      <c r="A51" s="17" t="s">
        <v>99</v>
      </c>
      <c r="B51" s="17"/>
      <c r="C51" s="13">
        <v>564</v>
      </c>
      <c r="D51" s="19">
        <v>262</v>
      </c>
      <c r="E51" s="19">
        <v>302</v>
      </c>
      <c r="F51" s="19"/>
      <c r="G51" s="18" t="s">
        <v>100</v>
      </c>
      <c r="H51" s="17"/>
      <c r="I51" s="13">
        <v>406</v>
      </c>
      <c r="J51" s="19">
        <v>156</v>
      </c>
      <c r="K51" s="19">
        <v>250</v>
      </c>
    </row>
    <row r="52" spans="1:11" ht="15" customHeight="1">
      <c r="A52" s="17" t="s">
        <v>101</v>
      </c>
      <c r="B52" s="17"/>
      <c r="C52" s="13">
        <v>573</v>
      </c>
      <c r="D52" s="19">
        <v>271</v>
      </c>
      <c r="E52" s="19">
        <v>302</v>
      </c>
      <c r="F52" s="19"/>
      <c r="G52" s="18" t="s">
        <v>102</v>
      </c>
      <c r="H52" s="17"/>
      <c r="I52" s="13">
        <v>317</v>
      </c>
      <c r="J52" s="19">
        <v>109</v>
      </c>
      <c r="K52" s="19">
        <v>208</v>
      </c>
    </row>
    <row r="53" spans="1:11" ht="20.100000000000001" customHeight="1">
      <c r="A53" s="17" t="s">
        <v>103</v>
      </c>
      <c r="B53" s="17"/>
      <c r="C53" s="13">
        <v>3695</v>
      </c>
      <c r="D53" s="14">
        <v>1739</v>
      </c>
      <c r="E53" s="14">
        <v>1956</v>
      </c>
      <c r="F53" s="14"/>
      <c r="G53" s="18" t="s">
        <v>104</v>
      </c>
      <c r="H53" s="17"/>
      <c r="I53" s="13">
        <v>1010</v>
      </c>
      <c r="J53" s="14">
        <v>317</v>
      </c>
      <c r="K53" s="14">
        <v>693</v>
      </c>
    </row>
    <row r="54" spans="1:11" ht="15" customHeight="1">
      <c r="A54" s="17" t="s">
        <v>105</v>
      </c>
      <c r="B54" s="17"/>
      <c r="C54" s="13">
        <v>628</v>
      </c>
      <c r="D54" s="19">
        <v>306</v>
      </c>
      <c r="E54" s="19">
        <v>322</v>
      </c>
      <c r="F54" s="19"/>
      <c r="G54" s="18" t="s">
        <v>106</v>
      </c>
      <c r="H54" s="17"/>
      <c r="I54" s="13">
        <v>289</v>
      </c>
      <c r="J54" s="19">
        <v>101</v>
      </c>
      <c r="K54" s="19">
        <v>188</v>
      </c>
    </row>
    <row r="55" spans="1:11" ht="15" customHeight="1">
      <c r="A55" s="17" t="s">
        <v>107</v>
      </c>
      <c r="B55" s="17"/>
      <c r="C55" s="13">
        <v>723</v>
      </c>
      <c r="D55" s="19">
        <v>338</v>
      </c>
      <c r="E55" s="19">
        <v>385</v>
      </c>
      <c r="F55" s="19"/>
      <c r="G55" s="18" t="s">
        <v>108</v>
      </c>
      <c r="H55" s="17"/>
      <c r="I55" s="13">
        <v>256</v>
      </c>
      <c r="J55" s="19">
        <v>77</v>
      </c>
      <c r="K55" s="19">
        <v>179</v>
      </c>
    </row>
    <row r="56" spans="1:11" ht="15" customHeight="1">
      <c r="A56" s="17" t="s">
        <v>109</v>
      </c>
      <c r="B56" s="17"/>
      <c r="C56" s="13">
        <v>741</v>
      </c>
      <c r="D56" s="19">
        <v>357</v>
      </c>
      <c r="E56" s="19">
        <v>384</v>
      </c>
      <c r="F56" s="19"/>
      <c r="G56" s="18" t="s">
        <v>110</v>
      </c>
      <c r="H56" s="17"/>
      <c r="I56" s="13">
        <v>207</v>
      </c>
      <c r="J56" s="19">
        <v>62</v>
      </c>
      <c r="K56" s="19">
        <v>145</v>
      </c>
    </row>
    <row r="57" spans="1:11" ht="15" customHeight="1">
      <c r="A57" s="17" t="s">
        <v>111</v>
      </c>
      <c r="B57" s="17"/>
      <c r="C57" s="13">
        <v>744</v>
      </c>
      <c r="D57" s="19">
        <v>350</v>
      </c>
      <c r="E57" s="19">
        <v>394</v>
      </c>
      <c r="F57" s="19"/>
      <c r="G57" s="18" t="s">
        <v>112</v>
      </c>
      <c r="H57" s="17"/>
      <c r="I57" s="13">
        <v>147</v>
      </c>
      <c r="J57" s="19">
        <v>43</v>
      </c>
      <c r="K57" s="19">
        <v>104</v>
      </c>
    </row>
    <row r="58" spans="1:11" ht="15" customHeight="1">
      <c r="A58" s="17" t="s">
        <v>113</v>
      </c>
      <c r="B58" s="17"/>
      <c r="C58" s="13">
        <v>859</v>
      </c>
      <c r="D58" s="19">
        <v>388</v>
      </c>
      <c r="E58" s="19">
        <v>471</v>
      </c>
      <c r="F58" s="19"/>
      <c r="G58" s="18" t="s">
        <v>114</v>
      </c>
      <c r="H58" s="17"/>
      <c r="I58" s="13">
        <v>111</v>
      </c>
      <c r="J58" s="19">
        <v>34</v>
      </c>
      <c r="K58" s="19">
        <v>77</v>
      </c>
    </row>
    <row r="59" spans="1:11" ht="20.100000000000001" customHeight="1">
      <c r="A59" s="17" t="s">
        <v>115</v>
      </c>
      <c r="B59" s="17"/>
      <c r="C59" s="13">
        <v>4682</v>
      </c>
      <c r="D59" s="14">
        <v>2268</v>
      </c>
      <c r="E59" s="14">
        <v>2414</v>
      </c>
      <c r="F59" s="14"/>
      <c r="G59" s="18" t="s">
        <v>116</v>
      </c>
      <c r="H59" s="17"/>
      <c r="I59" s="13">
        <v>271</v>
      </c>
      <c r="J59" s="14">
        <v>70</v>
      </c>
      <c r="K59" s="14">
        <v>201</v>
      </c>
    </row>
    <row r="60" spans="1:11" ht="15" customHeight="1">
      <c r="A60" s="17" t="s">
        <v>117</v>
      </c>
      <c r="B60" s="17"/>
      <c r="C60" s="13">
        <v>800</v>
      </c>
      <c r="D60" s="19">
        <v>397</v>
      </c>
      <c r="E60" s="19">
        <v>403</v>
      </c>
      <c r="F60" s="19"/>
      <c r="G60" s="18" t="s">
        <v>118</v>
      </c>
      <c r="H60" s="17"/>
      <c r="I60" s="13">
        <v>92</v>
      </c>
      <c r="J60" s="19">
        <v>27</v>
      </c>
      <c r="K60" s="19">
        <v>65</v>
      </c>
    </row>
    <row r="61" spans="1:11" ht="15" customHeight="1">
      <c r="A61" s="17" t="s">
        <v>119</v>
      </c>
      <c r="B61" s="17"/>
      <c r="C61" s="13">
        <v>922</v>
      </c>
      <c r="D61" s="19">
        <v>468</v>
      </c>
      <c r="E61" s="19">
        <v>454</v>
      </c>
      <c r="F61" s="19"/>
      <c r="G61" s="18" t="s">
        <v>120</v>
      </c>
      <c r="H61" s="17"/>
      <c r="I61" s="13">
        <v>67</v>
      </c>
      <c r="J61" s="19">
        <v>19</v>
      </c>
      <c r="K61" s="19">
        <v>48</v>
      </c>
    </row>
    <row r="62" spans="1:11" ht="15" customHeight="1">
      <c r="A62" s="17" t="s">
        <v>121</v>
      </c>
      <c r="B62" s="17"/>
      <c r="C62" s="13">
        <v>995</v>
      </c>
      <c r="D62" s="19">
        <v>486</v>
      </c>
      <c r="E62" s="19">
        <v>509</v>
      </c>
      <c r="F62" s="19"/>
      <c r="G62" s="18" t="s">
        <v>122</v>
      </c>
      <c r="H62" s="17"/>
      <c r="I62" s="13">
        <v>41</v>
      </c>
      <c r="J62" s="19">
        <v>12</v>
      </c>
      <c r="K62" s="19">
        <v>29</v>
      </c>
    </row>
    <row r="63" spans="1:11" ht="15" customHeight="1">
      <c r="A63" s="17" t="s">
        <v>123</v>
      </c>
      <c r="B63" s="17"/>
      <c r="C63" s="13">
        <v>948</v>
      </c>
      <c r="D63" s="19">
        <v>425</v>
      </c>
      <c r="E63" s="19">
        <v>523</v>
      </c>
      <c r="F63" s="19"/>
      <c r="G63" s="18" t="s">
        <v>124</v>
      </c>
      <c r="H63" s="17"/>
      <c r="I63" s="13">
        <v>34</v>
      </c>
      <c r="J63" s="19">
        <v>5</v>
      </c>
      <c r="K63" s="19">
        <v>29</v>
      </c>
    </row>
    <row r="64" spans="1:11" ht="15" customHeight="1">
      <c r="A64" s="17" t="s">
        <v>125</v>
      </c>
      <c r="B64" s="17"/>
      <c r="C64" s="13">
        <v>1017</v>
      </c>
      <c r="D64" s="19">
        <v>492</v>
      </c>
      <c r="E64" s="19">
        <v>525</v>
      </c>
      <c r="F64" s="19"/>
      <c r="G64" s="18" t="s">
        <v>126</v>
      </c>
      <c r="H64" s="17"/>
      <c r="I64" s="13">
        <v>37</v>
      </c>
      <c r="J64" s="19">
        <v>7</v>
      </c>
      <c r="K64" s="19">
        <v>3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7</v>
      </c>
      <c r="J65" s="19">
        <v>3</v>
      </c>
      <c r="K65" s="19">
        <v>2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582</v>
      </c>
      <c r="J66" s="29">
        <v>778</v>
      </c>
      <c r="K66" s="29">
        <v>80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1988</v>
      </c>
      <c r="D4" s="14">
        <v>20110</v>
      </c>
      <c r="E4" s="14">
        <v>2187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22</v>
      </c>
      <c r="D5" s="14">
        <v>482</v>
      </c>
      <c r="E5" s="14">
        <v>440</v>
      </c>
      <c r="F5" s="14"/>
      <c r="G5" s="18" t="s">
        <v>8</v>
      </c>
      <c r="H5" s="17"/>
      <c r="I5" s="13">
        <v>2835</v>
      </c>
      <c r="J5" s="14">
        <v>1451</v>
      </c>
      <c r="K5" s="14">
        <v>1384</v>
      </c>
    </row>
    <row r="6" spans="1:11" ht="15" customHeight="1">
      <c r="A6" s="17" t="s">
        <v>9</v>
      </c>
      <c r="B6" s="17"/>
      <c r="C6" s="13">
        <v>141</v>
      </c>
      <c r="D6" s="19">
        <v>74</v>
      </c>
      <c r="E6" s="19">
        <v>67</v>
      </c>
      <c r="F6" s="19"/>
      <c r="G6" s="18" t="s">
        <v>10</v>
      </c>
      <c r="H6" s="17"/>
      <c r="I6" s="13">
        <v>585</v>
      </c>
      <c r="J6" s="19">
        <v>315</v>
      </c>
      <c r="K6" s="19">
        <v>270</v>
      </c>
    </row>
    <row r="7" spans="1:11" ht="15" customHeight="1">
      <c r="A7" s="17" t="s">
        <v>11</v>
      </c>
      <c r="B7" s="17"/>
      <c r="C7" s="13">
        <v>161</v>
      </c>
      <c r="D7" s="19">
        <v>86</v>
      </c>
      <c r="E7" s="19">
        <v>75</v>
      </c>
      <c r="F7" s="19"/>
      <c r="G7" s="18" t="s">
        <v>12</v>
      </c>
      <c r="H7" s="17"/>
      <c r="I7" s="13">
        <v>599</v>
      </c>
      <c r="J7" s="19">
        <v>302</v>
      </c>
      <c r="K7" s="19">
        <v>297</v>
      </c>
    </row>
    <row r="8" spans="1:11" ht="15" customHeight="1">
      <c r="A8" s="17" t="s">
        <v>13</v>
      </c>
      <c r="B8" s="17"/>
      <c r="C8" s="13">
        <v>212</v>
      </c>
      <c r="D8" s="19">
        <v>109</v>
      </c>
      <c r="E8" s="19">
        <v>103</v>
      </c>
      <c r="F8" s="19"/>
      <c r="G8" s="18" t="s">
        <v>14</v>
      </c>
      <c r="H8" s="17"/>
      <c r="I8" s="13">
        <v>597</v>
      </c>
      <c r="J8" s="19">
        <v>288</v>
      </c>
      <c r="K8" s="19">
        <v>309</v>
      </c>
    </row>
    <row r="9" spans="1:11" ht="15" customHeight="1">
      <c r="A9" s="17" t="s">
        <v>15</v>
      </c>
      <c r="B9" s="17"/>
      <c r="C9" s="13">
        <v>192</v>
      </c>
      <c r="D9" s="19">
        <v>101</v>
      </c>
      <c r="E9" s="19">
        <v>91</v>
      </c>
      <c r="F9" s="19"/>
      <c r="G9" s="18" t="s">
        <v>16</v>
      </c>
      <c r="H9" s="17"/>
      <c r="I9" s="13">
        <v>627</v>
      </c>
      <c r="J9" s="19">
        <v>320</v>
      </c>
      <c r="K9" s="19">
        <v>307</v>
      </c>
    </row>
    <row r="10" spans="1:11" ht="15" customHeight="1">
      <c r="A10" s="17" t="s">
        <v>17</v>
      </c>
      <c r="B10" s="17"/>
      <c r="C10" s="13">
        <v>216</v>
      </c>
      <c r="D10" s="19">
        <v>112</v>
      </c>
      <c r="E10" s="19">
        <v>104</v>
      </c>
      <c r="F10" s="19"/>
      <c r="G10" s="18" t="s">
        <v>18</v>
      </c>
      <c r="H10" s="17"/>
      <c r="I10" s="13">
        <v>427</v>
      </c>
      <c r="J10" s="19">
        <v>226</v>
      </c>
      <c r="K10" s="19">
        <v>201</v>
      </c>
    </row>
    <row r="11" spans="1:11" ht="20.100000000000001" customHeight="1">
      <c r="A11" s="17" t="s">
        <v>19</v>
      </c>
      <c r="B11" s="17"/>
      <c r="C11" s="13">
        <v>1123</v>
      </c>
      <c r="D11" s="14">
        <v>591</v>
      </c>
      <c r="E11" s="14">
        <v>532</v>
      </c>
      <c r="F11" s="14"/>
      <c r="G11" s="18" t="s">
        <v>20</v>
      </c>
      <c r="H11" s="17"/>
      <c r="I11" s="13">
        <v>2789</v>
      </c>
      <c r="J11" s="14">
        <v>1407</v>
      </c>
      <c r="K11" s="14">
        <v>1382</v>
      </c>
    </row>
    <row r="12" spans="1:11" ht="15" customHeight="1">
      <c r="A12" s="17" t="s">
        <v>21</v>
      </c>
      <c r="B12" s="17"/>
      <c r="C12" s="13">
        <v>211</v>
      </c>
      <c r="D12" s="19">
        <v>117</v>
      </c>
      <c r="E12" s="19">
        <v>94</v>
      </c>
      <c r="F12" s="19"/>
      <c r="G12" s="18" t="s">
        <v>22</v>
      </c>
      <c r="H12" s="17"/>
      <c r="I12" s="13">
        <v>557</v>
      </c>
      <c r="J12" s="19">
        <v>295</v>
      </c>
      <c r="K12" s="19">
        <v>262</v>
      </c>
    </row>
    <row r="13" spans="1:11" ht="15" customHeight="1">
      <c r="A13" s="17" t="s">
        <v>23</v>
      </c>
      <c r="B13" s="17"/>
      <c r="C13" s="13">
        <v>228</v>
      </c>
      <c r="D13" s="19">
        <v>117</v>
      </c>
      <c r="E13" s="19">
        <v>111</v>
      </c>
      <c r="F13" s="19"/>
      <c r="G13" s="18" t="s">
        <v>24</v>
      </c>
      <c r="H13" s="17"/>
      <c r="I13" s="13">
        <v>592</v>
      </c>
      <c r="J13" s="19">
        <v>295</v>
      </c>
      <c r="K13" s="19">
        <v>297</v>
      </c>
    </row>
    <row r="14" spans="1:11" ht="15" customHeight="1">
      <c r="A14" s="17" t="s">
        <v>25</v>
      </c>
      <c r="B14" s="17"/>
      <c r="C14" s="13">
        <v>224</v>
      </c>
      <c r="D14" s="19">
        <v>115</v>
      </c>
      <c r="E14" s="19">
        <v>109</v>
      </c>
      <c r="F14" s="19"/>
      <c r="G14" s="18" t="s">
        <v>26</v>
      </c>
      <c r="H14" s="17"/>
      <c r="I14" s="13">
        <v>546</v>
      </c>
      <c r="J14" s="19">
        <v>279</v>
      </c>
      <c r="K14" s="19">
        <v>267</v>
      </c>
    </row>
    <row r="15" spans="1:11" ht="15" customHeight="1">
      <c r="A15" s="17" t="s">
        <v>27</v>
      </c>
      <c r="B15" s="17"/>
      <c r="C15" s="13">
        <v>209</v>
      </c>
      <c r="D15" s="19">
        <v>107</v>
      </c>
      <c r="E15" s="19">
        <v>102</v>
      </c>
      <c r="F15" s="19"/>
      <c r="G15" s="18" t="s">
        <v>28</v>
      </c>
      <c r="H15" s="17"/>
      <c r="I15" s="13">
        <v>542</v>
      </c>
      <c r="J15" s="19">
        <v>270</v>
      </c>
      <c r="K15" s="19">
        <v>272</v>
      </c>
    </row>
    <row r="16" spans="1:11" ht="15" customHeight="1">
      <c r="A16" s="17" t="s">
        <v>29</v>
      </c>
      <c r="B16" s="17"/>
      <c r="C16" s="13">
        <v>251</v>
      </c>
      <c r="D16" s="19">
        <v>135</v>
      </c>
      <c r="E16" s="19">
        <v>116</v>
      </c>
      <c r="F16" s="19"/>
      <c r="G16" s="18" t="s">
        <v>30</v>
      </c>
      <c r="H16" s="17"/>
      <c r="I16" s="13">
        <v>552</v>
      </c>
      <c r="J16" s="19">
        <v>268</v>
      </c>
      <c r="K16" s="19">
        <v>284</v>
      </c>
    </row>
    <row r="17" spans="1:11" ht="20.100000000000001" customHeight="1">
      <c r="A17" s="20" t="s">
        <v>31</v>
      </c>
      <c r="B17" s="20"/>
      <c r="C17" s="13">
        <v>1405</v>
      </c>
      <c r="D17" s="14">
        <v>698</v>
      </c>
      <c r="E17" s="14">
        <v>707</v>
      </c>
      <c r="F17" s="14"/>
      <c r="G17" s="18" t="s">
        <v>32</v>
      </c>
      <c r="H17" s="17"/>
      <c r="I17" s="13">
        <v>2698</v>
      </c>
      <c r="J17" s="14">
        <v>1334</v>
      </c>
      <c r="K17" s="14">
        <v>1364</v>
      </c>
    </row>
    <row r="18" spans="1:11" ht="15" customHeight="1">
      <c r="A18" s="17" t="s">
        <v>33</v>
      </c>
      <c r="B18" s="17"/>
      <c r="C18" s="13">
        <v>282</v>
      </c>
      <c r="D18" s="19">
        <v>145</v>
      </c>
      <c r="E18" s="19">
        <v>137</v>
      </c>
      <c r="F18" s="19"/>
      <c r="G18" s="18" t="s">
        <v>34</v>
      </c>
      <c r="H18" s="17"/>
      <c r="I18" s="13">
        <v>524</v>
      </c>
      <c r="J18" s="19">
        <v>252</v>
      </c>
      <c r="K18" s="19">
        <v>272</v>
      </c>
    </row>
    <row r="19" spans="1:11" ht="15" customHeight="1">
      <c r="A19" s="17" t="s">
        <v>35</v>
      </c>
      <c r="B19" s="17"/>
      <c r="C19" s="13">
        <v>251</v>
      </c>
      <c r="D19" s="19">
        <v>131</v>
      </c>
      <c r="E19" s="19">
        <v>120</v>
      </c>
      <c r="F19" s="19"/>
      <c r="G19" s="18" t="s">
        <v>36</v>
      </c>
      <c r="H19" s="17"/>
      <c r="I19" s="13">
        <v>513</v>
      </c>
      <c r="J19" s="19">
        <v>256</v>
      </c>
      <c r="K19" s="19">
        <v>257</v>
      </c>
    </row>
    <row r="20" spans="1:11" ht="15" customHeight="1">
      <c r="A20" s="17" t="s">
        <v>37</v>
      </c>
      <c r="B20" s="17"/>
      <c r="C20" s="13">
        <v>281</v>
      </c>
      <c r="D20" s="19">
        <v>125</v>
      </c>
      <c r="E20" s="19">
        <v>156</v>
      </c>
      <c r="F20" s="19"/>
      <c r="G20" s="18" t="s">
        <v>38</v>
      </c>
      <c r="H20" s="17"/>
      <c r="I20" s="13">
        <v>556</v>
      </c>
      <c r="J20" s="19">
        <v>276</v>
      </c>
      <c r="K20" s="19">
        <v>280</v>
      </c>
    </row>
    <row r="21" spans="1:11" ht="15" customHeight="1">
      <c r="A21" s="17" t="s">
        <v>39</v>
      </c>
      <c r="B21" s="17"/>
      <c r="C21" s="13">
        <v>303</v>
      </c>
      <c r="D21" s="19">
        <v>145</v>
      </c>
      <c r="E21" s="19">
        <v>158</v>
      </c>
      <c r="F21" s="19"/>
      <c r="G21" s="18" t="s">
        <v>40</v>
      </c>
      <c r="H21" s="17"/>
      <c r="I21" s="13">
        <v>544</v>
      </c>
      <c r="J21" s="19">
        <v>266</v>
      </c>
      <c r="K21" s="19">
        <v>278</v>
      </c>
    </row>
    <row r="22" spans="1:11" ht="15" customHeight="1">
      <c r="A22" s="17" t="s">
        <v>41</v>
      </c>
      <c r="B22" s="17"/>
      <c r="C22" s="13">
        <v>288</v>
      </c>
      <c r="D22" s="19">
        <v>152</v>
      </c>
      <c r="E22" s="19">
        <v>136</v>
      </c>
      <c r="F22" s="19"/>
      <c r="G22" s="18" t="s">
        <v>42</v>
      </c>
      <c r="H22" s="17"/>
      <c r="I22" s="13">
        <v>561</v>
      </c>
      <c r="J22" s="19">
        <v>284</v>
      </c>
      <c r="K22" s="19">
        <v>277</v>
      </c>
    </row>
    <row r="23" spans="1:11" ht="20.100000000000001" customHeight="1">
      <c r="A23" s="17" t="s">
        <v>43</v>
      </c>
      <c r="B23" s="17"/>
      <c r="C23" s="13">
        <v>1651</v>
      </c>
      <c r="D23" s="14">
        <v>841</v>
      </c>
      <c r="E23" s="14">
        <v>810</v>
      </c>
      <c r="F23" s="14"/>
      <c r="G23" s="18" t="s">
        <v>44</v>
      </c>
      <c r="H23" s="17"/>
      <c r="I23" s="13">
        <v>3592</v>
      </c>
      <c r="J23" s="14">
        <v>1726</v>
      </c>
      <c r="K23" s="14">
        <v>1866</v>
      </c>
    </row>
    <row r="24" spans="1:11" ht="15" customHeight="1">
      <c r="A24" s="17" t="s">
        <v>45</v>
      </c>
      <c r="B24" s="17"/>
      <c r="C24" s="13">
        <v>321</v>
      </c>
      <c r="D24" s="19">
        <v>163</v>
      </c>
      <c r="E24" s="19">
        <v>158</v>
      </c>
      <c r="F24" s="19"/>
      <c r="G24" s="18" t="s">
        <v>46</v>
      </c>
      <c r="H24" s="17"/>
      <c r="I24" s="13">
        <v>646</v>
      </c>
      <c r="J24" s="19">
        <v>302</v>
      </c>
      <c r="K24" s="19">
        <v>344</v>
      </c>
    </row>
    <row r="25" spans="1:11" ht="15" customHeight="1">
      <c r="A25" s="17" t="s">
        <v>47</v>
      </c>
      <c r="B25" s="17"/>
      <c r="C25" s="13">
        <v>335</v>
      </c>
      <c r="D25" s="19">
        <v>178</v>
      </c>
      <c r="E25" s="19">
        <v>157</v>
      </c>
      <c r="F25" s="19"/>
      <c r="G25" s="18" t="s">
        <v>48</v>
      </c>
      <c r="H25" s="17"/>
      <c r="I25" s="13">
        <v>636</v>
      </c>
      <c r="J25" s="19">
        <v>314</v>
      </c>
      <c r="K25" s="19">
        <v>322</v>
      </c>
    </row>
    <row r="26" spans="1:11" ht="15" customHeight="1">
      <c r="A26" s="17" t="s">
        <v>49</v>
      </c>
      <c r="B26" s="17"/>
      <c r="C26" s="13">
        <v>337</v>
      </c>
      <c r="D26" s="19">
        <v>171</v>
      </c>
      <c r="E26" s="19">
        <v>166</v>
      </c>
      <c r="F26" s="19"/>
      <c r="G26" s="18" t="s">
        <v>50</v>
      </c>
      <c r="H26" s="17"/>
      <c r="I26" s="13">
        <v>740</v>
      </c>
      <c r="J26" s="19">
        <v>330</v>
      </c>
      <c r="K26" s="19">
        <v>410</v>
      </c>
    </row>
    <row r="27" spans="1:11" ht="15" customHeight="1">
      <c r="A27" s="17" t="s">
        <v>51</v>
      </c>
      <c r="B27" s="17"/>
      <c r="C27" s="13">
        <v>331</v>
      </c>
      <c r="D27" s="19">
        <v>159</v>
      </c>
      <c r="E27" s="19">
        <v>172</v>
      </c>
      <c r="F27" s="19"/>
      <c r="G27" s="18" t="s">
        <v>52</v>
      </c>
      <c r="H27" s="17"/>
      <c r="I27" s="13">
        <v>741</v>
      </c>
      <c r="J27" s="19">
        <v>380</v>
      </c>
      <c r="K27" s="19">
        <v>361</v>
      </c>
    </row>
    <row r="28" spans="1:11" ht="15" customHeight="1">
      <c r="A28" s="17" t="s">
        <v>53</v>
      </c>
      <c r="B28" s="17"/>
      <c r="C28" s="13">
        <v>327</v>
      </c>
      <c r="D28" s="19">
        <v>170</v>
      </c>
      <c r="E28" s="19">
        <v>157</v>
      </c>
      <c r="F28" s="19"/>
      <c r="G28" s="18" t="s">
        <v>54</v>
      </c>
      <c r="H28" s="17"/>
      <c r="I28" s="13">
        <v>829</v>
      </c>
      <c r="J28" s="19">
        <v>400</v>
      </c>
      <c r="K28" s="19">
        <v>429</v>
      </c>
    </row>
    <row r="29" spans="1:11" ht="20.100000000000001" customHeight="1">
      <c r="A29" s="17" t="s">
        <v>55</v>
      </c>
      <c r="B29" s="17"/>
      <c r="C29" s="13">
        <v>1571</v>
      </c>
      <c r="D29" s="14">
        <v>821</v>
      </c>
      <c r="E29" s="14">
        <v>750</v>
      </c>
      <c r="F29" s="14"/>
      <c r="G29" s="18" t="s">
        <v>56</v>
      </c>
      <c r="H29" s="17"/>
      <c r="I29" s="13">
        <v>4378</v>
      </c>
      <c r="J29" s="14">
        <v>2139</v>
      </c>
      <c r="K29" s="14">
        <v>2239</v>
      </c>
    </row>
    <row r="30" spans="1:11" ht="15" customHeight="1">
      <c r="A30" s="17" t="s">
        <v>57</v>
      </c>
      <c r="B30" s="17"/>
      <c r="C30" s="13">
        <v>313</v>
      </c>
      <c r="D30" s="19">
        <v>149</v>
      </c>
      <c r="E30" s="19">
        <v>164</v>
      </c>
      <c r="F30" s="19"/>
      <c r="G30" s="18" t="s">
        <v>58</v>
      </c>
      <c r="H30" s="17"/>
      <c r="I30" s="13">
        <v>854</v>
      </c>
      <c r="J30" s="19">
        <v>449</v>
      </c>
      <c r="K30" s="19">
        <v>405</v>
      </c>
    </row>
    <row r="31" spans="1:11" ht="15" customHeight="1">
      <c r="A31" s="17" t="s">
        <v>59</v>
      </c>
      <c r="B31" s="17"/>
      <c r="C31" s="13">
        <v>315</v>
      </c>
      <c r="D31" s="19">
        <v>167</v>
      </c>
      <c r="E31" s="19">
        <v>148</v>
      </c>
      <c r="F31" s="19"/>
      <c r="G31" s="18" t="s">
        <v>60</v>
      </c>
      <c r="H31" s="17"/>
      <c r="I31" s="13">
        <v>939</v>
      </c>
      <c r="J31" s="19">
        <v>457</v>
      </c>
      <c r="K31" s="19">
        <v>482</v>
      </c>
    </row>
    <row r="32" spans="1:11" ht="15" customHeight="1">
      <c r="A32" s="17" t="s">
        <v>61</v>
      </c>
      <c r="B32" s="17"/>
      <c r="C32" s="13">
        <v>328</v>
      </c>
      <c r="D32" s="19">
        <v>184</v>
      </c>
      <c r="E32" s="19">
        <v>144</v>
      </c>
      <c r="F32" s="19"/>
      <c r="G32" s="18" t="s">
        <v>62</v>
      </c>
      <c r="H32" s="17"/>
      <c r="I32" s="13">
        <v>932</v>
      </c>
      <c r="J32" s="19">
        <v>441</v>
      </c>
      <c r="K32" s="19">
        <v>491</v>
      </c>
    </row>
    <row r="33" spans="1:11" ht="15" customHeight="1">
      <c r="A33" s="17" t="s">
        <v>63</v>
      </c>
      <c r="B33" s="17"/>
      <c r="C33" s="13">
        <v>318</v>
      </c>
      <c r="D33" s="19">
        <v>154</v>
      </c>
      <c r="E33" s="19">
        <v>164</v>
      </c>
      <c r="F33" s="19"/>
      <c r="G33" s="18" t="s">
        <v>64</v>
      </c>
      <c r="H33" s="17"/>
      <c r="I33" s="13">
        <v>977</v>
      </c>
      <c r="J33" s="19">
        <v>474</v>
      </c>
      <c r="K33" s="19">
        <v>503</v>
      </c>
    </row>
    <row r="34" spans="1:11" ht="15" customHeight="1">
      <c r="A34" s="17" t="s">
        <v>65</v>
      </c>
      <c r="B34" s="17"/>
      <c r="C34" s="13">
        <v>297</v>
      </c>
      <c r="D34" s="19">
        <v>167</v>
      </c>
      <c r="E34" s="19">
        <v>130</v>
      </c>
      <c r="F34" s="19"/>
      <c r="G34" s="18" t="s">
        <v>66</v>
      </c>
      <c r="H34" s="17"/>
      <c r="I34" s="13">
        <v>676</v>
      </c>
      <c r="J34" s="19">
        <v>318</v>
      </c>
      <c r="K34" s="19">
        <v>358</v>
      </c>
    </row>
    <row r="35" spans="1:11" ht="20.100000000000001" customHeight="1">
      <c r="A35" s="17" t="s">
        <v>67</v>
      </c>
      <c r="B35" s="17"/>
      <c r="C35" s="13">
        <v>1369</v>
      </c>
      <c r="D35" s="14">
        <v>704</v>
      </c>
      <c r="E35" s="14">
        <v>665</v>
      </c>
      <c r="F35" s="14"/>
      <c r="G35" s="18" t="s">
        <v>68</v>
      </c>
      <c r="H35" s="17"/>
      <c r="I35" s="13">
        <v>3374</v>
      </c>
      <c r="J35" s="14">
        <v>1525</v>
      </c>
      <c r="K35" s="14">
        <v>1849</v>
      </c>
    </row>
    <row r="36" spans="1:11" ht="15" customHeight="1">
      <c r="A36" s="17" t="s">
        <v>69</v>
      </c>
      <c r="B36" s="17"/>
      <c r="C36" s="13">
        <v>277</v>
      </c>
      <c r="D36" s="19">
        <v>138</v>
      </c>
      <c r="E36" s="19">
        <v>139</v>
      </c>
      <c r="F36" s="19"/>
      <c r="G36" s="18" t="s">
        <v>70</v>
      </c>
      <c r="H36" s="17"/>
      <c r="I36" s="13">
        <v>509</v>
      </c>
      <c r="J36" s="19">
        <v>233</v>
      </c>
      <c r="K36" s="19">
        <v>276</v>
      </c>
    </row>
    <row r="37" spans="1:11" ht="15" customHeight="1">
      <c r="A37" s="17" t="s">
        <v>71</v>
      </c>
      <c r="B37" s="17"/>
      <c r="C37" s="13">
        <v>263</v>
      </c>
      <c r="D37" s="19">
        <v>145</v>
      </c>
      <c r="E37" s="19">
        <v>118</v>
      </c>
      <c r="F37" s="19"/>
      <c r="G37" s="18" t="s">
        <v>72</v>
      </c>
      <c r="H37" s="17"/>
      <c r="I37" s="13">
        <v>731</v>
      </c>
      <c r="J37" s="19">
        <v>332</v>
      </c>
      <c r="K37" s="19">
        <v>399</v>
      </c>
    </row>
    <row r="38" spans="1:11" ht="15" customHeight="1">
      <c r="A38" s="17" t="s">
        <v>73</v>
      </c>
      <c r="B38" s="17"/>
      <c r="C38" s="13">
        <v>283</v>
      </c>
      <c r="D38" s="19">
        <v>143</v>
      </c>
      <c r="E38" s="19">
        <v>140</v>
      </c>
      <c r="F38" s="19"/>
      <c r="G38" s="18" t="s">
        <v>74</v>
      </c>
      <c r="H38" s="17"/>
      <c r="I38" s="13">
        <v>713</v>
      </c>
      <c r="J38" s="19">
        <v>322</v>
      </c>
      <c r="K38" s="19">
        <v>391</v>
      </c>
    </row>
    <row r="39" spans="1:11" ht="15" customHeight="1">
      <c r="A39" s="17" t="s">
        <v>75</v>
      </c>
      <c r="B39" s="17"/>
      <c r="C39" s="13">
        <v>261</v>
      </c>
      <c r="D39" s="19">
        <v>135</v>
      </c>
      <c r="E39" s="19">
        <v>126</v>
      </c>
      <c r="F39" s="19"/>
      <c r="G39" s="18" t="s">
        <v>76</v>
      </c>
      <c r="H39" s="17"/>
      <c r="I39" s="13">
        <v>721</v>
      </c>
      <c r="J39" s="19">
        <v>318</v>
      </c>
      <c r="K39" s="19">
        <v>403</v>
      </c>
    </row>
    <row r="40" spans="1:11" ht="15" customHeight="1">
      <c r="A40" s="17" t="s">
        <v>77</v>
      </c>
      <c r="B40" s="17"/>
      <c r="C40" s="13">
        <v>285</v>
      </c>
      <c r="D40" s="19">
        <v>143</v>
      </c>
      <c r="E40" s="19">
        <v>142</v>
      </c>
      <c r="F40" s="19"/>
      <c r="G40" s="18" t="s">
        <v>78</v>
      </c>
      <c r="H40" s="17"/>
      <c r="I40" s="13">
        <v>700</v>
      </c>
      <c r="J40" s="19">
        <v>320</v>
      </c>
      <c r="K40" s="19">
        <v>380</v>
      </c>
    </row>
    <row r="41" spans="1:11" ht="20.100000000000001" customHeight="1">
      <c r="A41" s="17" t="s">
        <v>79</v>
      </c>
      <c r="B41" s="17"/>
      <c r="C41" s="13">
        <v>1496</v>
      </c>
      <c r="D41" s="14">
        <v>763</v>
      </c>
      <c r="E41" s="14">
        <v>733</v>
      </c>
      <c r="F41" s="14"/>
      <c r="G41" s="18" t="s">
        <v>80</v>
      </c>
      <c r="H41" s="17"/>
      <c r="I41" s="13">
        <v>2617</v>
      </c>
      <c r="J41" s="14">
        <v>1067</v>
      </c>
      <c r="K41" s="14">
        <v>1550</v>
      </c>
    </row>
    <row r="42" spans="1:11" ht="15" customHeight="1">
      <c r="A42" s="17" t="s">
        <v>81</v>
      </c>
      <c r="B42" s="17"/>
      <c r="C42" s="13">
        <v>271</v>
      </c>
      <c r="D42" s="19">
        <v>134</v>
      </c>
      <c r="E42" s="19">
        <v>137</v>
      </c>
      <c r="F42" s="19"/>
      <c r="G42" s="18" t="s">
        <v>82</v>
      </c>
      <c r="H42" s="17"/>
      <c r="I42" s="13">
        <v>617</v>
      </c>
      <c r="J42" s="19">
        <v>238</v>
      </c>
      <c r="K42" s="19">
        <v>379</v>
      </c>
    </row>
    <row r="43" spans="1:11" ht="15" customHeight="1">
      <c r="A43" s="17" t="s">
        <v>83</v>
      </c>
      <c r="B43" s="17"/>
      <c r="C43" s="13">
        <v>293</v>
      </c>
      <c r="D43" s="19">
        <v>153</v>
      </c>
      <c r="E43" s="19">
        <v>140</v>
      </c>
      <c r="F43" s="19"/>
      <c r="G43" s="18" t="s">
        <v>84</v>
      </c>
      <c r="H43" s="17"/>
      <c r="I43" s="13">
        <v>516</v>
      </c>
      <c r="J43" s="19">
        <v>226</v>
      </c>
      <c r="K43" s="19">
        <v>290</v>
      </c>
    </row>
    <row r="44" spans="1:11" ht="15" customHeight="1">
      <c r="A44" s="17" t="s">
        <v>85</v>
      </c>
      <c r="B44" s="17"/>
      <c r="C44" s="13">
        <v>312</v>
      </c>
      <c r="D44" s="19">
        <v>171</v>
      </c>
      <c r="E44" s="19">
        <v>141</v>
      </c>
      <c r="F44" s="19"/>
      <c r="G44" s="18" t="s">
        <v>86</v>
      </c>
      <c r="H44" s="17"/>
      <c r="I44" s="13">
        <v>474</v>
      </c>
      <c r="J44" s="19">
        <v>187</v>
      </c>
      <c r="K44" s="19">
        <v>287</v>
      </c>
    </row>
    <row r="45" spans="1:11" ht="15" customHeight="1">
      <c r="A45" s="17" t="s">
        <v>87</v>
      </c>
      <c r="B45" s="17"/>
      <c r="C45" s="13">
        <v>317</v>
      </c>
      <c r="D45" s="19">
        <v>149</v>
      </c>
      <c r="E45" s="19">
        <v>168</v>
      </c>
      <c r="F45" s="19"/>
      <c r="G45" s="18" t="s">
        <v>88</v>
      </c>
      <c r="H45" s="17"/>
      <c r="I45" s="13">
        <v>539</v>
      </c>
      <c r="J45" s="19">
        <v>218</v>
      </c>
      <c r="K45" s="19">
        <v>321</v>
      </c>
    </row>
    <row r="46" spans="1:11" ht="15" customHeight="1">
      <c r="A46" s="17" t="s">
        <v>89</v>
      </c>
      <c r="B46" s="17"/>
      <c r="C46" s="13">
        <v>303</v>
      </c>
      <c r="D46" s="19">
        <v>156</v>
      </c>
      <c r="E46" s="19">
        <v>147</v>
      </c>
      <c r="F46" s="19"/>
      <c r="G46" s="18" t="s">
        <v>90</v>
      </c>
      <c r="H46" s="17"/>
      <c r="I46" s="13">
        <v>471</v>
      </c>
      <c r="J46" s="19">
        <v>198</v>
      </c>
      <c r="K46" s="19">
        <v>273</v>
      </c>
    </row>
    <row r="47" spans="1:11" ht="20.100000000000001" customHeight="1">
      <c r="A47" s="17" t="s">
        <v>91</v>
      </c>
      <c r="B47" s="17"/>
      <c r="C47" s="13">
        <v>1758</v>
      </c>
      <c r="D47" s="14">
        <v>903</v>
      </c>
      <c r="E47" s="14">
        <v>855</v>
      </c>
      <c r="F47" s="14"/>
      <c r="G47" s="18" t="s">
        <v>92</v>
      </c>
      <c r="H47" s="17"/>
      <c r="I47" s="13">
        <v>1899</v>
      </c>
      <c r="J47" s="14">
        <v>682</v>
      </c>
      <c r="K47" s="14">
        <v>1217</v>
      </c>
    </row>
    <row r="48" spans="1:11" ht="15" customHeight="1">
      <c r="A48" s="17" t="s">
        <v>93</v>
      </c>
      <c r="B48" s="17"/>
      <c r="C48" s="13">
        <v>331</v>
      </c>
      <c r="D48" s="19">
        <v>175</v>
      </c>
      <c r="E48" s="19">
        <v>156</v>
      </c>
      <c r="F48" s="19"/>
      <c r="G48" s="18" t="s">
        <v>94</v>
      </c>
      <c r="H48" s="17"/>
      <c r="I48" s="13">
        <v>469</v>
      </c>
      <c r="J48" s="19">
        <v>176</v>
      </c>
      <c r="K48" s="19">
        <v>293</v>
      </c>
    </row>
    <row r="49" spans="1:11" ht="15" customHeight="1">
      <c r="A49" s="17" t="s">
        <v>95</v>
      </c>
      <c r="B49" s="17"/>
      <c r="C49" s="13">
        <v>344</v>
      </c>
      <c r="D49" s="19">
        <v>172</v>
      </c>
      <c r="E49" s="19">
        <v>172</v>
      </c>
      <c r="F49" s="19"/>
      <c r="G49" s="18" t="s">
        <v>96</v>
      </c>
      <c r="H49" s="17"/>
      <c r="I49" s="13">
        <v>401</v>
      </c>
      <c r="J49" s="19">
        <v>157</v>
      </c>
      <c r="K49" s="19">
        <v>244</v>
      </c>
    </row>
    <row r="50" spans="1:11" ht="15" customHeight="1">
      <c r="A50" s="17" t="s">
        <v>97</v>
      </c>
      <c r="B50" s="17"/>
      <c r="C50" s="13">
        <v>337</v>
      </c>
      <c r="D50" s="19">
        <v>179</v>
      </c>
      <c r="E50" s="19">
        <v>158</v>
      </c>
      <c r="F50" s="19"/>
      <c r="G50" s="18" t="s">
        <v>98</v>
      </c>
      <c r="H50" s="17"/>
      <c r="I50" s="13">
        <v>391</v>
      </c>
      <c r="J50" s="19">
        <v>144</v>
      </c>
      <c r="K50" s="19">
        <v>247</v>
      </c>
    </row>
    <row r="51" spans="1:11" ht="15" customHeight="1">
      <c r="A51" s="17" t="s">
        <v>99</v>
      </c>
      <c r="B51" s="17"/>
      <c r="C51" s="13">
        <v>373</v>
      </c>
      <c r="D51" s="19">
        <v>187</v>
      </c>
      <c r="E51" s="19">
        <v>186</v>
      </c>
      <c r="F51" s="19"/>
      <c r="G51" s="18" t="s">
        <v>100</v>
      </c>
      <c r="H51" s="17"/>
      <c r="I51" s="13">
        <v>326</v>
      </c>
      <c r="J51" s="19">
        <v>111</v>
      </c>
      <c r="K51" s="19">
        <v>215</v>
      </c>
    </row>
    <row r="52" spans="1:11" ht="15" customHeight="1">
      <c r="A52" s="17" t="s">
        <v>101</v>
      </c>
      <c r="B52" s="17"/>
      <c r="C52" s="13">
        <v>373</v>
      </c>
      <c r="D52" s="19">
        <v>190</v>
      </c>
      <c r="E52" s="19">
        <v>183</v>
      </c>
      <c r="F52" s="19"/>
      <c r="G52" s="18" t="s">
        <v>102</v>
      </c>
      <c r="H52" s="17"/>
      <c r="I52" s="13">
        <v>312</v>
      </c>
      <c r="J52" s="19">
        <v>94</v>
      </c>
      <c r="K52" s="19">
        <v>218</v>
      </c>
    </row>
    <row r="53" spans="1:11" ht="20.100000000000001" customHeight="1">
      <c r="A53" s="17" t="s">
        <v>103</v>
      </c>
      <c r="B53" s="17"/>
      <c r="C53" s="13">
        <v>2183</v>
      </c>
      <c r="D53" s="14">
        <v>1107</v>
      </c>
      <c r="E53" s="14">
        <v>1076</v>
      </c>
      <c r="F53" s="14"/>
      <c r="G53" s="18" t="s">
        <v>104</v>
      </c>
      <c r="H53" s="17"/>
      <c r="I53" s="13">
        <v>975</v>
      </c>
      <c r="J53" s="14">
        <v>281</v>
      </c>
      <c r="K53" s="14">
        <v>694</v>
      </c>
    </row>
    <row r="54" spans="1:11" ht="15" customHeight="1">
      <c r="A54" s="17" t="s">
        <v>105</v>
      </c>
      <c r="B54" s="17"/>
      <c r="C54" s="13">
        <v>404</v>
      </c>
      <c r="D54" s="19">
        <v>195</v>
      </c>
      <c r="E54" s="19">
        <v>209</v>
      </c>
      <c r="F54" s="19"/>
      <c r="G54" s="18" t="s">
        <v>106</v>
      </c>
      <c r="H54" s="17"/>
      <c r="I54" s="13">
        <v>295</v>
      </c>
      <c r="J54" s="19">
        <v>108</v>
      </c>
      <c r="K54" s="19">
        <v>187</v>
      </c>
    </row>
    <row r="55" spans="1:11" ht="15" customHeight="1">
      <c r="A55" s="17" t="s">
        <v>107</v>
      </c>
      <c r="B55" s="17"/>
      <c r="C55" s="13">
        <v>398</v>
      </c>
      <c r="D55" s="19">
        <v>197</v>
      </c>
      <c r="E55" s="19">
        <v>201</v>
      </c>
      <c r="F55" s="19"/>
      <c r="G55" s="18" t="s">
        <v>108</v>
      </c>
      <c r="H55" s="17"/>
      <c r="I55" s="13">
        <v>217</v>
      </c>
      <c r="J55" s="19">
        <v>60</v>
      </c>
      <c r="K55" s="19">
        <v>157</v>
      </c>
    </row>
    <row r="56" spans="1:11" ht="15" customHeight="1">
      <c r="A56" s="17" t="s">
        <v>109</v>
      </c>
      <c r="B56" s="17"/>
      <c r="C56" s="13">
        <v>432</v>
      </c>
      <c r="D56" s="19">
        <v>220</v>
      </c>
      <c r="E56" s="19">
        <v>212</v>
      </c>
      <c r="F56" s="19"/>
      <c r="G56" s="18" t="s">
        <v>110</v>
      </c>
      <c r="H56" s="17"/>
      <c r="I56" s="13">
        <v>186</v>
      </c>
      <c r="J56" s="19">
        <v>45</v>
      </c>
      <c r="K56" s="19">
        <v>141</v>
      </c>
    </row>
    <row r="57" spans="1:11" ht="15" customHeight="1">
      <c r="A57" s="17" t="s">
        <v>111</v>
      </c>
      <c r="B57" s="17"/>
      <c r="C57" s="13">
        <v>467</v>
      </c>
      <c r="D57" s="19">
        <v>251</v>
      </c>
      <c r="E57" s="19">
        <v>216</v>
      </c>
      <c r="F57" s="19"/>
      <c r="G57" s="18" t="s">
        <v>112</v>
      </c>
      <c r="H57" s="17"/>
      <c r="I57" s="13">
        <v>144</v>
      </c>
      <c r="J57" s="19">
        <v>30</v>
      </c>
      <c r="K57" s="19">
        <v>114</v>
      </c>
    </row>
    <row r="58" spans="1:11" ht="15" customHeight="1">
      <c r="A58" s="17" t="s">
        <v>113</v>
      </c>
      <c r="B58" s="17"/>
      <c r="C58" s="13">
        <v>482</v>
      </c>
      <c r="D58" s="19">
        <v>244</v>
      </c>
      <c r="E58" s="19">
        <v>238</v>
      </c>
      <c r="F58" s="19"/>
      <c r="G58" s="18" t="s">
        <v>114</v>
      </c>
      <c r="H58" s="17"/>
      <c r="I58" s="13">
        <v>133</v>
      </c>
      <c r="J58" s="19">
        <v>38</v>
      </c>
      <c r="K58" s="19">
        <v>95</v>
      </c>
    </row>
    <row r="59" spans="1:11" ht="20.100000000000001" customHeight="1">
      <c r="A59" s="17" t="s">
        <v>115</v>
      </c>
      <c r="B59" s="17"/>
      <c r="C59" s="13">
        <v>2883</v>
      </c>
      <c r="D59" s="14">
        <v>1470</v>
      </c>
      <c r="E59" s="14">
        <v>1413</v>
      </c>
      <c r="F59" s="14"/>
      <c r="G59" s="18" t="s">
        <v>116</v>
      </c>
      <c r="H59" s="17"/>
      <c r="I59" s="13">
        <v>245</v>
      </c>
      <c r="J59" s="14">
        <v>45</v>
      </c>
      <c r="K59" s="14">
        <v>200</v>
      </c>
    </row>
    <row r="60" spans="1:11" ht="15" customHeight="1">
      <c r="A60" s="17" t="s">
        <v>117</v>
      </c>
      <c r="B60" s="17"/>
      <c r="C60" s="13">
        <v>528</v>
      </c>
      <c r="D60" s="19">
        <v>272</v>
      </c>
      <c r="E60" s="19">
        <v>256</v>
      </c>
      <c r="F60" s="19"/>
      <c r="G60" s="18" t="s">
        <v>118</v>
      </c>
      <c r="H60" s="17"/>
      <c r="I60" s="13">
        <v>86</v>
      </c>
      <c r="J60" s="19">
        <v>19</v>
      </c>
      <c r="K60" s="19">
        <v>67</v>
      </c>
    </row>
    <row r="61" spans="1:11" ht="15" customHeight="1">
      <c r="A61" s="17" t="s">
        <v>119</v>
      </c>
      <c r="B61" s="17"/>
      <c r="C61" s="13">
        <v>508</v>
      </c>
      <c r="D61" s="19">
        <v>271</v>
      </c>
      <c r="E61" s="19">
        <v>237</v>
      </c>
      <c r="F61" s="19"/>
      <c r="G61" s="18" t="s">
        <v>120</v>
      </c>
      <c r="H61" s="17"/>
      <c r="I61" s="13">
        <v>68</v>
      </c>
      <c r="J61" s="19">
        <v>11</v>
      </c>
      <c r="K61" s="19">
        <v>57</v>
      </c>
    </row>
    <row r="62" spans="1:11" ht="15" customHeight="1">
      <c r="A62" s="17" t="s">
        <v>121</v>
      </c>
      <c r="B62" s="17"/>
      <c r="C62" s="13">
        <v>582</v>
      </c>
      <c r="D62" s="19">
        <v>291</v>
      </c>
      <c r="E62" s="19">
        <v>291</v>
      </c>
      <c r="F62" s="19"/>
      <c r="G62" s="18" t="s">
        <v>122</v>
      </c>
      <c r="H62" s="17"/>
      <c r="I62" s="13">
        <v>42</v>
      </c>
      <c r="J62" s="19">
        <v>11</v>
      </c>
      <c r="K62" s="19">
        <v>31</v>
      </c>
    </row>
    <row r="63" spans="1:11" ht="15" customHeight="1">
      <c r="A63" s="17" t="s">
        <v>123</v>
      </c>
      <c r="B63" s="17"/>
      <c r="C63" s="13">
        <v>652</v>
      </c>
      <c r="D63" s="19">
        <v>336</v>
      </c>
      <c r="E63" s="19">
        <v>316</v>
      </c>
      <c r="F63" s="19"/>
      <c r="G63" s="18" t="s">
        <v>124</v>
      </c>
      <c r="H63" s="17"/>
      <c r="I63" s="13">
        <v>30</v>
      </c>
      <c r="J63" s="19">
        <v>3</v>
      </c>
      <c r="K63" s="19">
        <v>27</v>
      </c>
    </row>
    <row r="64" spans="1:11" ht="15" customHeight="1">
      <c r="A64" s="17" t="s">
        <v>125</v>
      </c>
      <c r="B64" s="17"/>
      <c r="C64" s="13">
        <v>613</v>
      </c>
      <c r="D64" s="19">
        <v>300</v>
      </c>
      <c r="E64" s="19">
        <v>313</v>
      </c>
      <c r="F64" s="19"/>
      <c r="G64" s="18" t="s">
        <v>126</v>
      </c>
      <c r="H64" s="17"/>
      <c r="I64" s="13">
        <v>19</v>
      </c>
      <c r="J64" s="19">
        <v>1</v>
      </c>
      <c r="K64" s="19">
        <v>1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0</v>
      </c>
      <c r="J65" s="19">
        <v>5</v>
      </c>
      <c r="K65" s="19">
        <v>4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75</v>
      </c>
      <c r="J66" s="29">
        <v>68</v>
      </c>
      <c r="K66" s="29">
        <v>107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705</v>
      </c>
      <c r="D4" s="14">
        <v>14922</v>
      </c>
      <c r="E4" s="14">
        <v>1678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03</v>
      </c>
      <c r="D5" s="14">
        <v>461</v>
      </c>
      <c r="E5" s="14">
        <v>442</v>
      </c>
      <c r="F5" s="14"/>
      <c r="G5" s="18" t="s">
        <v>8</v>
      </c>
      <c r="H5" s="17"/>
      <c r="I5" s="13">
        <v>2640</v>
      </c>
      <c r="J5" s="14">
        <v>1276</v>
      </c>
      <c r="K5" s="14">
        <v>1364</v>
      </c>
    </row>
    <row r="6" spans="1:11" ht="15" customHeight="1">
      <c r="A6" s="17" t="s">
        <v>9</v>
      </c>
      <c r="B6" s="17"/>
      <c r="C6" s="13">
        <v>142</v>
      </c>
      <c r="D6" s="19">
        <v>70</v>
      </c>
      <c r="E6" s="19">
        <v>72</v>
      </c>
      <c r="F6" s="19"/>
      <c r="G6" s="18" t="s">
        <v>10</v>
      </c>
      <c r="H6" s="17"/>
      <c r="I6" s="13">
        <v>547</v>
      </c>
      <c r="J6" s="19">
        <v>250</v>
      </c>
      <c r="K6" s="19">
        <v>297</v>
      </c>
    </row>
    <row r="7" spans="1:11" ht="15" customHeight="1">
      <c r="A7" s="17" t="s">
        <v>11</v>
      </c>
      <c r="B7" s="17"/>
      <c r="C7" s="13">
        <v>151</v>
      </c>
      <c r="D7" s="19">
        <v>76</v>
      </c>
      <c r="E7" s="19">
        <v>75</v>
      </c>
      <c r="F7" s="19"/>
      <c r="G7" s="18" t="s">
        <v>12</v>
      </c>
      <c r="H7" s="17"/>
      <c r="I7" s="13">
        <v>589</v>
      </c>
      <c r="J7" s="19">
        <v>275</v>
      </c>
      <c r="K7" s="19">
        <v>314</v>
      </c>
    </row>
    <row r="8" spans="1:11" ht="15" customHeight="1">
      <c r="A8" s="17" t="s">
        <v>13</v>
      </c>
      <c r="B8" s="17"/>
      <c r="C8" s="13">
        <v>167</v>
      </c>
      <c r="D8" s="19">
        <v>80</v>
      </c>
      <c r="E8" s="19">
        <v>87</v>
      </c>
      <c r="F8" s="19"/>
      <c r="G8" s="18" t="s">
        <v>14</v>
      </c>
      <c r="H8" s="17"/>
      <c r="I8" s="13">
        <v>548</v>
      </c>
      <c r="J8" s="19">
        <v>271</v>
      </c>
      <c r="K8" s="19">
        <v>277</v>
      </c>
    </row>
    <row r="9" spans="1:11" ht="15" customHeight="1">
      <c r="A9" s="17" t="s">
        <v>15</v>
      </c>
      <c r="B9" s="17"/>
      <c r="C9" s="13">
        <v>203</v>
      </c>
      <c r="D9" s="19">
        <v>110</v>
      </c>
      <c r="E9" s="19">
        <v>93</v>
      </c>
      <c r="F9" s="19"/>
      <c r="G9" s="18" t="s">
        <v>16</v>
      </c>
      <c r="H9" s="17"/>
      <c r="I9" s="13">
        <v>552</v>
      </c>
      <c r="J9" s="19">
        <v>279</v>
      </c>
      <c r="K9" s="19">
        <v>273</v>
      </c>
    </row>
    <row r="10" spans="1:11" ht="15" customHeight="1">
      <c r="A10" s="17" t="s">
        <v>17</v>
      </c>
      <c r="B10" s="17"/>
      <c r="C10" s="13">
        <v>240</v>
      </c>
      <c r="D10" s="19">
        <v>125</v>
      </c>
      <c r="E10" s="19">
        <v>115</v>
      </c>
      <c r="F10" s="19"/>
      <c r="G10" s="18" t="s">
        <v>18</v>
      </c>
      <c r="H10" s="17"/>
      <c r="I10" s="13">
        <v>404</v>
      </c>
      <c r="J10" s="19">
        <v>201</v>
      </c>
      <c r="K10" s="19">
        <v>203</v>
      </c>
    </row>
    <row r="11" spans="1:11" ht="20.100000000000001" customHeight="1">
      <c r="A11" s="17" t="s">
        <v>19</v>
      </c>
      <c r="B11" s="17"/>
      <c r="C11" s="13">
        <v>1439</v>
      </c>
      <c r="D11" s="14">
        <v>762</v>
      </c>
      <c r="E11" s="14">
        <v>677</v>
      </c>
      <c r="F11" s="14"/>
      <c r="G11" s="18" t="s">
        <v>20</v>
      </c>
      <c r="H11" s="17"/>
      <c r="I11" s="13">
        <v>2235</v>
      </c>
      <c r="J11" s="14">
        <v>1132</v>
      </c>
      <c r="K11" s="14">
        <v>1103</v>
      </c>
    </row>
    <row r="12" spans="1:11" ht="15" customHeight="1">
      <c r="A12" s="17" t="s">
        <v>21</v>
      </c>
      <c r="B12" s="17"/>
      <c r="C12" s="13">
        <v>278</v>
      </c>
      <c r="D12" s="19">
        <v>148</v>
      </c>
      <c r="E12" s="19">
        <v>130</v>
      </c>
      <c r="F12" s="19"/>
      <c r="G12" s="18" t="s">
        <v>22</v>
      </c>
      <c r="H12" s="17"/>
      <c r="I12" s="13">
        <v>535</v>
      </c>
      <c r="J12" s="19">
        <v>262</v>
      </c>
      <c r="K12" s="19">
        <v>273</v>
      </c>
    </row>
    <row r="13" spans="1:11" ht="15" customHeight="1">
      <c r="A13" s="17" t="s">
        <v>23</v>
      </c>
      <c r="B13" s="17"/>
      <c r="C13" s="13">
        <v>260</v>
      </c>
      <c r="D13" s="19">
        <v>147</v>
      </c>
      <c r="E13" s="19">
        <v>113</v>
      </c>
      <c r="F13" s="19"/>
      <c r="G13" s="18" t="s">
        <v>24</v>
      </c>
      <c r="H13" s="17"/>
      <c r="I13" s="13">
        <v>472</v>
      </c>
      <c r="J13" s="19">
        <v>248</v>
      </c>
      <c r="K13" s="19">
        <v>224</v>
      </c>
    </row>
    <row r="14" spans="1:11" ht="15" customHeight="1">
      <c r="A14" s="17" t="s">
        <v>25</v>
      </c>
      <c r="B14" s="17"/>
      <c r="C14" s="13">
        <v>305</v>
      </c>
      <c r="D14" s="19">
        <v>164</v>
      </c>
      <c r="E14" s="19">
        <v>141</v>
      </c>
      <c r="F14" s="19"/>
      <c r="G14" s="18" t="s">
        <v>26</v>
      </c>
      <c r="H14" s="17"/>
      <c r="I14" s="13">
        <v>422</v>
      </c>
      <c r="J14" s="19">
        <v>220</v>
      </c>
      <c r="K14" s="19">
        <v>202</v>
      </c>
    </row>
    <row r="15" spans="1:11" ht="15" customHeight="1">
      <c r="A15" s="17" t="s">
        <v>27</v>
      </c>
      <c r="B15" s="17"/>
      <c r="C15" s="13">
        <v>293</v>
      </c>
      <c r="D15" s="19">
        <v>159</v>
      </c>
      <c r="E15" s="19">
        <v>134</v>
      </c>
      <c r="F15" s="19"/>
      <c r="G15" s="18" t="s">
        <v>28</v>
      </c>
      <c r="H15" s="17"/>
      <c r="I15" s="13">
        <v>435</v>
      </c>
      <c r="J15" s="19">
        <v>224</v>
      </c>
      <c r="K15" s="19">
        <v>211</v>
      </c>
    </row>
    <row r="16" spans="1:11" ht="15" customHeight="1">
      <c r="A16" s="17" t="s">
        <v>29</v>
      </c>
      <c r="B16" s="17"/>
      <c r="C16" s="13">
        <v>303</v>
      </c>
      <c r="D16" s="19">
        <v>144</v>
      </c>
      <c r="E16" s="19">
        <v>159</v>
      </c>
      <c r="F16" s="19"/>
      <c r="G16" s="18" t="s">
        <v>30</v>
      </c>
      <c r="H16" s="17"/>
      <c r="I16" s="13">
        <v>371</v>
      </c>
      <c r="J16" s="19">
        <v>178</v>
      </c>
      <c r="K16" s="19">
        <v>193</v>
      </c>
    </row>
    <row r="17" spans="1:11" ht="20.100000000000001" customHeight="1">
      <c r="A17" s="20" t="s">
        <v>31</v>
      </c>
      <c r="B17" s="20"/>
      <c r="C17" s="13">
        <v>1610</v>
      </c>
      <c r="D17" s="14">
        <v>830</v>
      </c>
      <c r="E17" s="14">
        <v>780</v>
      </c>
      <c r="F17" s="14"/>
      <c r="G17" s="18" t="s">
        <v>32</v>
      </c>
      <c r="H17" s="17"/>
      <c r="I17" s="13">
        <v>1695</v>
      </c>
      <c r="J17" s="14">
        <v>854</v>
      </c>
      <c r="K17" s="14">
        <v>841</v>
      </c>
    </row>
    <row r="18" spans="1:11" ht="15" customHeight="1">
      <c r="A18" s="17" t="s">
        <v>33</v>
      </c>
      <c r="B18" s="17"/>
      <c r="C18" s="13">
        <v>332</v>
      </c>
      <c r="D18" s="19">
        <v>162</v>
      </c>
      <c r="E18" s="19">
        <v>170</v>
      </c>
      <c r="F18" s="19"/>
      <c r="G18" s="18" t="s">
        <v>34</v>
      </c>
      <c r="H18" s="17"/>
      <c r="I18" s="13">
        <v>344</v>
      </c>
      <c r="J18" s="19">
        <v>172</v>
      </c>
      <c r="K18" s="19">
        <v>172</v>
      </c>
    </row>
    <row r="19" spans="1:11" ht="15" customHeight="1">
      <c r="A19" s="17" t="s">
        <v>35</v>
      </c>
      <c r="B19" s="17"/>
      <c r="C19" s="13">
        <v>330</v>
      </c>
      <c r="D19" s="19">
        <v>176</v>
      </c>
      <c r="E19" s="19">
        <v>154</v>
      </c>
      <c r="F19" s="19"/>
      <c r="G19" s="18" t="s">
        <v>36</v>
      </c>
      <c r="H19" s="17"/>
      <c r="I19" s="13">
        <v>390</v>
      </c>
      <c r="J19" s="19">
        <v>194</v>
      </c>
      <c r="K19" s="19">
        <v>196</v>
      </c>
    </row>
    <row r="20" spans="1:11" ht="15" customHeight="1">
      <c r="A20" s="17" t="s">
        <v>37</v>
      </c>
      <c r="B20" s="17"/>
      <c r="C20" s="13">
        <v>306</v>
      </c>
      <c r="D20" s="19">
        <v>163</v>
      </c>
      <c r="E20" s="19">
        <v>143</v>
      </c>
      <c r="F20" s="19"/>
      <c r="G20" s="18" t="s">
        <v>38</v>
      </c>
      <c r="H20" s="17"/>
      <c r="I20" s="13">
        <v>321</v>
      </c>
      <c r="J20" s="19">
        <v>168</v>
      </c>
      <c r="K20" s="19">
        <v>153</v>
      </c>
    </row>
    <row r="21" spans="1:11" ht="15" customHeight="1">
      <c r="A21" s="17" t="s">
        <v>39</v>
      </c>
      <c r="B21" s="17"/>
      <c r="C21" s="13">
        <v>352</v>
      </c>
      <c r="D21" s="19">
        <v>174</v>
      </c>
      <c r="E21" s="19">
        <v>178</v>
      </c>
      <c r="F21" s="19"/>
      <c r="G21" s="18" t="s">
        <v>40</v>
      </c>
      <c r="H21" s="17"/>
      <c r="I21" s="13">
        <v>315</v>
      </c>
      <c r="J21" s="19">
        <v>160</v>
      </c>
      <c r="K21" s="19">
        <v>155</v>
      </c>
    </row>
    <row r="22" spans="1:11" ht="15" customHeight="1">
      <c r="A22" s="17" t="s">
        <v>41</v>
      </c>
      <c r="B22" s="17"/>
      <c r="C22" s="13">
        <v>290</v>
      </c>
      <c r="D22" s="19">
        <v>155</v>
      </c>
      <c r="E22" s="19">
        <v>135</v>
      </c>
      <c r="F22" s="19"/>
      <c r="G22" s="18" t="s">
        <v>42</v>
      </c>
      <c r="H22" s="17"/>
      <c r="I22" s="13">
        <v>325</v>
      </c>
      <c r="J22" s="19">
        <v>160</v>
      </c>
      <c r="K22" s="19">
        <v>165</v>
      </c>
    </row>
    <row r="23" spans="1:11" ht="20.100000000000001" customHeight="1">
      <c r="A23" s="17" t="s">
        <v>43</v>
      </c>
      <c r="B23" s="17"/>
      <c r="C23" s="13">
        <v>1543</v>
      </c>
      <c r="D23" s="14">
        <v>796</v>
      </c>
      <c r="E23" s="14">
        <v>747</v>
      </c>
      <c r="F23" s="14"/>
      <c r="G23" s="18" t="s">
        <v>44</v>
      </c>
      <c r="H23" s="17"/>
      <c r="I23" s="13">
        <v>1840</v>
      </c>
      <c r="J23" s="14">
        <v>850</v>
      </c>
      <c r="K23" s="14">
        <v>990</v>
      </c>
    </row>
    <row r="24" spans="1:11" ht="15" customHeight="1">
      <c r="A24" s="17" t="s">
        <v>45</v>
      </c>
      <c r="B24" s="17"/>
      <c r="C24" s="13">
        <v>277</v>
      </c>
      <c r="D24" s="19">
        <v>139</v>
      </c>
      <c r="E24" s="19">
        <v>138</v>
      </c>
      <c r="F24" s="19"/>
      <c r="G24" s="18" t="s">
        <v>46</v>
      </c>
      <c r="H24" s="17"/>
      <c r="I24" s="13">
        <v>334</v>
      </c>
      <c r="J24" s="19">
        <v>144</v>
      </c>
      <c r="K24" s="19">
        <v>190</v>
      </c>
    </row>
    <row r="25" spans="1:11" ht="15" customHeight="1">
      <c r="A25" s="17" t="s">
        <v>47</v>
      </c>
      <c r="B25" s="17"/>
      <c r="C25" s="13">
        <v>323</v>
      </c>
      <c r="D25" s="19">
        <v>165</v>
      </c>
      <c r="E25" s="19">
        <v>158</v>
      </c>
      <c r="F25" s="19"/>
      <c r="G25" s="18" t="s">
        <v>48</v>
      </c>
      <c r="H25" s="17"/>
      <c r="I25" s="13">
        <v>374</v>
      </c>
      <c r="J25" s="19">
        <v>189</v>
      </c>
      <c r="K25" s="19">
        <v>185</v>
      </c>
    </row>
    <row r="26" spans="1:11" ht="15" customHeight="1">
      <c r="A26" s="17" t="s">
        <v>49</v>
      </c>
      <c r="B26" s="17"/>
      <c r="C26" s="13">
        <v>316</v>
      </c>
      <c r="D26" s="19">
        <v>158</v>
      </c>
      <c r="E26" s="19">
        <v>158</v>
      </c>
      <c r="F26" s="19"/>
      <c r="G26" s="18" t="s">
        <v>50</v>
      </c>
      <c r="H26" s="17"/>
      <c r="I26" s="13">
        <v>365</v>
      </c>
      <c r="J26" s="19">
        <v>164</v>
      </c>
      <c r="K26" s="19">
        <v>201</v>
      </c>
    </row>
    <row r="27" spans="1:11" ht="15" customHeight="1">
      <c r="A27" s="17" t="s">
        <v>51</v>
      </c>
      <c r="B27" s="17"/>
      <c r="C27" s="13">
        <v>322</v>
      </c>
      <c r="D27" s="19">
        <v>177</v>
      </c>
      <c r="E27" s="19">
        <v>145</v>
      </c>
      <c r="F27" s="19"/>
      <c r="G27" s="18" t="s">
        <v>52</v>
      </c>
      <c r="H27" s="17"/>
      <c r="I27" s="13">
        <v>383</v>
      </c>
      <c r="J27" s="19">
        <v>169</v>
      </c>
      <c r="K27" s="19">
        <v>214</v>
      </c>
    </row>
    <row r="28" spans="1:11" ht="15" customHeight="1">
      <c r="A28" s="17" t="s">
        <v>53</v>
      </c>
      <c r="B28" s="17"/>
      <c r="C28" s="13">
        <v>305</v>
      </c>
      <c r="D28" s="19">
        <v>157</v>
      </c>
      <c r="E28" s="19">
        <v>148</v>
      </c>
      <c r="F28" s="19"/>
      <c r="G28" s="18" t="s">
        <v>54</v>
      </c>
      <c r="H28" s="17"/>
      <c r="I28" s="13">
        <v>384</v>
      </c>
      <c r="J28" s="19">
        <v>184</v>
      </c>
      <c r="K28" s="19">
        <v>200</v>
      </c>
    </row>
    <row r="29" spans="1:11" ht="20.100000000000001" customHeight="1">
      <c r="A29" s="17" t="s">
        <v>55</v>
      </c>
      <c r="B29" s="17"/>
      <c r="C29" s="13">
        <v>1158</v>
      </c>
      <c r="D29" s="14">
        <v>554</v>
      </c>
      <c r="E29" s="14">
        <v>604</v>
      </c>
      <c r="F29" s="14"/>
      <c r="G29" s="18" t="s">
        <v>56</v>
      </c>
      <c r="H29" s="17"/>
      <c r="I29" s="13">
        <v>2563</v>
      </c>
      <c r="J29" s="14">
        <v>1109</v>
      </c>
      <c r="K29" s="14">
        <v>1454</v>
      </c>
    </row>
    <row r="30" spans="1:11" ht="15" customHeight="1">
      <c r="A30" s="17" t="s">
        <v>57</v>
      </c>
      <c r="B30" s="17"/>
      <c r="C30" s="13">
        <v>265</v>
      </c>
      <c r="D30" s="19">
        <v>125</v>
      </c>
      <c r="E30" s="19">
        <v>140</v>
      </c>
      <c r="F30" s="19"/>
      <c r="G30" s="18" t="s">
        <v>58</v>
      </c>
      <c r="H30" s="17"/>
      <c r="I30" s="13">
        <v>438</v>
      </c>
      <c r="J30" s="19">
        <v>189</v>
      </c>
      <c r="K30" s="19">
        <v>249</v>
      </c>
    </row>
    <row r="31" spans="1:11" ht="15" customHeight="1">
      <c r="A31" s="17" t="s">
        <v>59</v>
      </c>
      <c r="B31" s="17"/>
      <c r="C31" s="13">
        <v>256</v>
      </c>
      <c r="D31" s="19">
        <v>126</v>
      </c>
      <c r="E31" s="19">
        <v>130</v>
      </c>
      <c r="F31" s="19"/>
      <c r="G31" s="18" t="s">
        <v>60</v>
      </c>
      <c r="H31" s="17"/>
      <c r="I31" s="13">
        <v>536</v>
      </c>
      <c r="J31" s="19">
        <v>247</v>
      </c>
      <c r="K31" s="19">
        <v>289</v>
      </c>
    </row>
    <row r="32" spans="1:11" ht="15" customHeight="1">
      <c r="A32" s="17" t="s">
        <v>61</v>
      </c>
      <c r="B32" s="17"/>
      <c r="C32" s="13">
        <v>272</v>
      </c>
      <c r="D32" s="19">
        <v>130</v>
      </c>
      <c r="E32" s="19">
        <v>142</v>
      </c>
      <c r="F32" s="19"/>
      <c r="G32" s="18" t="s">
        <v>62</v>
      </c>
      <c r="H32" s="17"/>
      <c r="I32" s="13">
        <v>570</v>
      </c>
      <c r="J32" s="19">
        <v>255</v>
      </c>
      <c r="K32" s="19">
        <v>315</v>
      </c>
    </row>
    <row r="33" spans="1:11" ht="15" customHeight="1">
      <c r="A33" s="17" t="s">
        <v>63</v>
      </c>
      <c r="B33" s="17"/>
      <c r="C33" s="13">
        <v>167</v>
      </c>
      <c r="D33" s="19">
        <v>77</v>
      </c>
      <c r="E33" s="19">
        <v>90</v>
      </c>
      <c r="F33" s="19"/>
      <c r="G33" s="18" t="s">
        <v>64</v>
      </c>
      <c r="H33" s="17"/>
      <c r="I33" s="13">
        <v>597</v>
      </c>
      <c r="J33" s="19">
        <v>256</v>
      </c>
      <c r="K33" s="19">
        <v>341</v>
      </c>
    </row>
    <row r="34" spans="1:11" ht="15" customHeight="1">
      <c r="A34" s="17" t="s">
        <v>65</v>
      </c>
      <c r="B34" s="17"/>
      <c r="C34" s="13">
        <v>198</v>
      </c>
      <c r="D34" s="19">
        <v>96</v>
      </c>
      <c r="E34" s="19">
        <v>102</v>
      </c>
      <c r="F34" s="19"/>
      <c r="G34" s="18" t="s">
        <v>66</v>
      </c>
      <c r="H34" s="17"/>
      <c r="I34" s="13">
        <v>422</v>
      </c>
      <c r="J34" s="19">
        <v>162</v>
      </c>
      <c r="K34" s="19">
        <v>260</v>
      </c>
    </row>
    <row r="35" spans="1:11" ht="20.100000000000001" customHeight="1">
      <c r="A35" s="17" t="s">
        <v>67</v>
      </c>
      <c r="B35" s="17"/>
      <c r="C35" s="13">
        <v>663</v>
      </c>
      <c r="D35" s="14">
        <v>296</v>
      </c>
      <c r="E35" s="14">
        <v>367</v>
      </c>
      <c r="F35" s="14"/>
      <c r="G35" s="18" t="s">
        <v>68</v>
      </c>
      <c r="H35" s="17"/>
      <c r="I35" s="13">
        <v>2181</v>
      </c>
      <c r="J35" s="14">
        <v>973</v>
      </c>
      <c r="K35" s="14">
        <v>1208</v>
      </c>
    </row>
    <row r="36" spans="1:11" ht="15" customHeight="1">
      <c r="A36" s="17" t="s">
        <v>69</v>
      </c>
      <c r="B36" s="17"/>
      <c r="C36" s="13">
        <v>151</v>
      </c>
      <c r="D36" s="19">
        <v>71</v>
      </c>
      <c r="E36" s="19">
        <v>80</v>
      </c>
      <c r="F36" s="19"/>
      <c r="G36" s="18" t="s">
        <v>70</v>
      </c>
      <c r="H36" s="17"/>
      <c r="I36" s="13">
        <v>369</v>
      </c>
      <c r="J36" s="19">
        <v>169</v>
      </c>
      <c r="K36" s="19">
        <v>200</v>
      </c>
    </row>
    <row r="37" spans="1:11" ht="15" customHeight="1">
      <c r="A37" s="17" t="s">
        <v>71</v>
      </c>
      <c r="B37" s="17"/>
      <c r="C37" s="13">
        <v>135</v>
      </c>
      <c r="D37" s="19">
        <v>68</v>
      </c>
      <c r="E37" s="19">
        <v>67</v>
      </c>
      <c r="F37" s="19"/>
      <c r="G37" s="18" t="s">
        <v>72</v>
      </c>
      <c r="H37" s="17"/>
      <c r="I37" s="13">
        <v>453</v>
      </c>
      <c r="J37" s="19">
        <v>204</v>
      </c>
      <c r="K37" s="19">
        <v>249</v>
      </c>
    </row>
    <row r="38" spans="1:11" ht="15" customHeight="1">
      <c r="A38" s="17" t="s">
        <v>73</v>
      </c>
      <c r="B38" s="17"/>
      <c r="C38" s="13">
        <v>132</v>
      </c>
      <c r="D38" s="19">
        <v>56</v>
      </c>
      <c r="E38" s="19">
        <v>76</v>
      </c>
      <c r="F38" s="19"/>
      <c r="G38" s="18" t="s">
        <v>74</v>
      </c>
      <c r="H38" s="17"/>
      <c r="I38" s="13">
        <v>489</v>
      </c>
      <c r="J38" s="19">
        <v>222</v>
      </c>
      <c r="K38" s="19">
        <v>267</v>
      </c>
    </row>
    <row r="39" spans="1:11" ht="15" customHeight="1">
      <c r="A39" s="17" t="s">
        <v>75</v>
      </c>
      <c r="B39" s="17"/>
      <c r="C39" s="13">
        <v>129</v>
      </c>
      <c r="D39" s="19">
        <v>56</v>
      </c>
      <c r="E39" s="19">
        <v>73</v>
      </c>
      <c r="F39" s="19"/>
      <c r="G39" s="18" t="s">
        <v>76</v>
      </c>
      <c r="H39" s="17"/>
      <c r="I39" s="13">
        <v>434</v>
      </c>
      <c r="J39" s="19">
        <v>198</v>
      </c>
      <c r="K39" s="19">
        <v>236</v>
      </c>
    </row>
    <row r="40" spans="1:11" ht="15" customHeight="1">
      <c r="A40" s="17" t="s">
        <v>77</v>
      </c>
      <c r="B40" s="17"/>
      <c r="C40" s="13">
        <v>116</v>
      </c>
      <c r="D40" s="19">
        <v>45</v>
      </c>
      <c r="E40" s="19">
        <v>71</v>
      </c>
      <c r="F40" s="19"/>
      <c r="G40" s="18" t="s">
        <v>78</v>
      </c>
      <c r="H40" s="17"/>
      <c r="I40" s="13">
        <v>436</v>
      </c>
      <c r="J40" s="19">
        <v>180</v>
      </c>
      <c r="K40" s="19">
        <v>256</v>
      </c>
    </row>
    <row r="41" spans="1:11" ht="20.100000000000001" customHeight="1">
      <c r="A41" s="17" t="s">
        <v>79</v>
      </c>
      <c r="B41" s="17"/>
      <c r="C41" s="13">
        <v>815</v>
      </c>
      <c r="D41" s="14">
        <v>387</v>
      </c>
      <c r="E41" s="14">
        <v>428</v>
      </c>
      <c r="F41" s="14"/>
      <c r="G41" s="18" t="s">
        <v>80</v>
      </c>
      <c r="H41" s="17"/>
      <c r="I41" s="13">
        <v>1613</v>
      </c>
      <c r="J41" s="14">
        <v>704</v>
      </c>
      <c r="K41" s="14">
        <v>909</v>
      </c>
    </row>
    <row r="42" spans="1:11" ht="15" customHeight="1">
      <c r="A42" s="17" t="s">
        <v>81</v>
      </c>
      <c r="B42" s="17"/>
      <c r="C42" s="13">
        <v>161</v>
      </c>
      <c r="D42" s="19">
        <v>78</v>
      </c>
      <c r="E42" s="19">
        <v>83</v>
      </c>
      <c r="F42" s="19"/>
      <c r="G42" s="18" t="s">
        <v>82</v>
      </c>
      <c r="H42" s="17"/>
      <c r="I42" s="13">
        <v>368</v>
      </c>
      <c r="J42" s="19">
        <v>158</v>
      </c>
      <c r="K42" s="19">
        <v>210</v>
      </c>
    </row>
    <row r="43" spans="1:11" ht="15" customHeight="1">
      <c r="A43" s="17" t="s">
        <v>83</v>
      </c>
      <c r="B43" s="17"/>
      <c r="C43" s="13">
        <v>146</v>
      </c>
      <c r="D43" s="19">
        <v>68</v>
      </c>
      <c r="E43" s="19">
        <v>78</v>
      </c>
      <c r="F43" s="19"/>
      <c r="G43" s="18" t="s">
        <v>84</v>
      </c>
      <c r="H43" s="17"/>
      <c r="I43" s="13">
        <v>302</v>
      </c>
      <c r="J43" s="19">
        <v>139</v>
      </c>
      <c r="K43" s="19">
        <v>163</v>
      </c>
    </row>
    <row r="44" spans="1:11" ht="15" customHeight="1">
      <c r="A44" s="17" t="s">
        <v>85</v>
      </c>
      <c r="B44" s="17"/>
      <c r="C44" s="13">
        <v>155</v>
      </c>
      <c r="D44" s="19">
        <v>72</v>
      </c>
      <c r="E44" s="19">
        <v>83</v>
      </c>
      <c r="F44" s="19"/>
      <c r="G44" s="18" t="s">
        <v>86</v>
      </c>
      <c r="H44" s="17"/>
      <c r="I44" s="13">
        <v>330</v>
      </c>
      <c r="J44" s="19">
        <v>133</v>
      </c>
      <c r="K44" s="19">
        <v>197</v>
      </c>
    </row>
    <row r="45" spans="1:11" ht="15" customHeight="1">
      <c r="A45" s="17" t="s">
        <v>87</v>
      </c>
      <c r="B45" s="17"/>
      <c r="C45" s="13">
        <v>161</v>
      </c>
      <c r="D45" s="19">
        <v>80</v>
      </c>
      <c r="E45" s="19">
        <v>81</v>
      </c>
      <c r="F45" s="19"/>
      <c r="G45" s="18" t="s">
        <v>88</v>
      </c>
      <c r="H45" s="17"/>
      <c r="I45" s="13">
        <v>299</v>
      </c>
      <c r="J45" s="19">
        <v>136</v>
      </c>
      <c r="K45" s="19">
        <v>163</v>
      </c>
    </row>
    <row r="46" spans="1:11" ht="15" customHeight="1">
      <c r="A46" s="17" t="s">
        <v>89</v>
      </c>
      <c r="B46" s="17"/>
      <c r="C46" s="13">
        <v>192</v>
      </c>
      <c r="D46" s="19">
        <v>89</v>
      </c>
      <c r="E46" s="19">
        <v>103</v>
      </c>
      <c r="F46" s="19"/>
      <c r="G46" s="18" t="s">
        <v>90</v>
      </c>
      <c r="H46" s="17"/>
      <c r="I46" s="13">
        <v>314</v>
      </c>
      <c r="J46" s="19">
        <v>138</v>
      </c>
      <c r="K46" s="19">
        <v>176</v>
      </c>
    </row>
    <row r="47" spans="1:11" ht="20.100000000000001" customHeight="1">
      <c r="A47" s="17" t="s">
        <v>91</v>
      </c>
      <c r="B47" s="17"/>
      <c r="C47" s="13">
        <v>1428</v>
      </c>
      <c r="D47" s="14">
        <v>634</v>
      </c>
      <c r="E47" s="14">
        <v>794</v>
      </c>
      <c r="F47" s="14"/>
      <c r="G47" s="18" t="s">
        <v>92</v>
      </c>
      <c r="H47" s="17"/>
      <c r="I47" s="13">
        <v>1086</v>
      </c>
      <c r="J47" s="14">
        <v>437</v>
      </c>
      <c r="K47" s="14">
        <v>649</v>
      </c>
    </row>
    <row r="48" spans="1:11" ht="15" customHeight="1">
      <c r="A48" s="17" t="s">
        <v>93</v>
      </c>
      <c r="B48" s="17"/>
      <c r="C48" s="13">
        <v>219</v>
      </c>
      <c r="D48" s="19">
        <v>82</v>
      </c>
      <c r="E48" s="19">
        <v>137</v>
      </c>
      <c r="F48" s="19"/>
      <c r="G48" s="18" t="s">
        <v>94</v>
      </c>
      <c r="H48" s="17"/>
      <c r="I48" s="13">
        <v>275</v>
      </c>
      <c r="J48" s="19">
        <v>120</v>
      </c>
      <c r="K48" s="19">
        <v>155</v>
      </c>
    </row>
    <row r="49" spans="1:11" ht="15" customHeight="1">
      <c r="A49" s="17" t="s">
        <v>95</v>
      </c>
      <c r="B49" s="17"/>
      <c r="C49" s="13">
        <v>256</v>
      </c>
      <c r="D49" s="19">
        <v>121</v>
      </c>
      <c r="E49" s="19">
        <v>135</v>
      </c>
      <c r="F49" s="19"/>
      <c r="G49" s="18" t="s">
        <v>96</v>
      </c>
      <c r="H49" s="17"/>
      <c r="I49" s="13">
        <v>240</v>
      </c>
      <c r="J49" s="19">
        <v>109</v>
      </c>
      <c r="K49" s="19">
        <v>131</v>
      </c>
    </row>
    <row r="50" spans="1:11" ht="15" customHeight="1">
      <c r="A50" s="17" t="s">
        <v>97</v>
      </c>
      <c r="B50" s="17"/>
      <c r="C50" s="13">
        <v>280</v>
      </c>
      <c r="D50" s="19">
        <v>119</v>
      </c>
      <c r="E50" s="19">
        <v>161</v>
      </c>
      <c r="F50" s="19"/>
      <c r="G50" s="18" t="s">
        <v>98</v>
      </c>
      <c r="H50" s="17"/>
      <c r="I50" s="13">
        <v>211</v>
      </c>
      <c r="J50" s="19">
        <v>80</v>
      </c>
      <c r="K50" s="19">
        <v>131</v>
      </c>
    </row>
    <row r="51" spans="1:11" ht="15" customHeight="1">
      <c r="A51" s="17" t="s">
        <v>99</v>
      </c>
      <c r="B51" s="17"/>
      <c r="C51" s="13">
        <v>329</v>
      </c>
      <c r="D51" s="19">
        <v>150</v>
      </c>
      <c r="E51" s="19">
        <v>179</v>
      </c>
      <c r="F51" s="19"/>
      <c r="G51" s="18" t="s">
        <v>100</v>
      </c>
      <c r="H51" s="17"/>
      <c r="I51" s="13">
        <v>190</v>
      </c>
      <c r="J51" s="19">
        <v>69</v>
      </c>
      <c r="K51" s="19">
        <v>121</v>
      </c>
    </row>
    <row r="52" spans="1:11" ht="15" customHeight="1">
      <c r="A52" s="17" t="s">
        <v>101</v>
      </c>
      <c r="B52" s="17"/>
      <c r="C52" s="13">
        <v>344</v>
      </c>
      <c r="D52" s="19">
        <v>162</v>
      </c>
      <c r="E52" s="19">
        <v>182</v>
      </c>
      <c r="F52" s="19"/>
      <c r="G52" s="18" t="s">
        <v>102</v>
      </c>
      <c r="H52" s="17"/>
      <c r="I52" s="13">
        <v>170</v>
      </c>
      <c r="J52" s="19">
        <v>59</v>
      </c>
      <c r="K52" s="19">
        <v>111</v>
      </c>
    </row>
    <row r="53" spans="1:11" ht="20.100000000000001" customHeight="1">
      <c r="A53" s="17" t="s">
        <v>103</v>
      </c>
      <c r="B53" s="17"/>
      <c r="C53" s="13">
        <v>2149</v>
      </c>
      <c r="D53" s="14">
        <v>1002</v>
      </c>
      <c r="E53" s="14">
        <v>1147</v>
      </c>
      <c r="F53" s="14"/>
      <c r="G53" s="18" t="s">
        <v>104</v>
      </c>
      <c r="H53" s="17"/>
      <c r="I53" s="13">
        <v>556</v>
      </c>
      <c r="J53" s="14">
        <v>177</v>
      </c>
      <c r="K53" s="14">
        <v>379</v>
      </c>
    </row>
    <row r="54" spans="1:11" ht="15" customHeight="1">
      <c r="A54" s="17" t="s">
        <v>105</v>
      </c>
      <c r="B54" s="17"/>
      <c r="C54" s="13">
        <v>391</v>
      </c>
      <c r="D54" s="19">
        <v>185</v>
      </c>
      <c r="E54" s="19">
        <v>206</v>
      </c>
      <c r="F54" s="19"/>
      <c r="G54" s="18" t="s">
        <v>106</v>
      </c>
      <c r="H54" s="17"/>
      <c r="I54" s="13">
        <v>139</v>
      </c>
      <c r="J54" s="19">
        <v>60</v>
      </c>
      <c r="K54" s="19">
        <v>79</v>
      </c>
    </row>
    <row r="55" spans="1:11" ht="15" customHeight="1">
      <c r="A55" s="17" t="s">
        <v>107</v>
      </c>
      <c r="B55" s="17"/>
      <c r="C55" s="13">
        <v>425</v>
      </c>
      <c r="D55" s="19">
        <v>213</v>
      </c>
      <c r="E55" s="19">
        <v>212</v>
      </c>
      <c r="F55" s="19"/>
      <c r="G55" s="18" t="s">
        <v>108</v>
      </c>
      <c r="H55" s="17"/>
      <c r="I55" s="13">
        <v>128</v>
      </c>
      <c r="J55" s="19">
        <v>44</v>
      </c>
      <c r="K55" s="19">
        <v>84</v>
      </c>
    </row>
    <row r="56" spans="1:11" ht="15" customHeight="1">
      <c r="A56" s="17" t="s">
        <v>109</v>
      </c>
      <c r="B56" s="17"/>
      <c r="C56" s="13">
        <v>403</v>
      </c>
      <c r="D56" s="19">
        <v>169</v>
      </c>
      <c r="E56" s="19">
        <v>234</v>
      </c>
      <c r="F56" s="19"/>
      <c r="G56" s="18" t="s">
        <v>110</v>
      </c>
      <c r="H56" s="17"/>
      <c r="I56" s="13">
        <v>110</v>
      </c>
      <c r="J56" s="19">
        <v>35</v>
      </c>
      <c r="K56" s="19">
        <v>75</v>
      </c>
    </row>
    <row r="57" spans="1:11" ht="15" customHeight="1">
      <c r="A57" s="17" t="s">
        <v>111</v>
      </c>
      <c r="B57" s="17"/>
      <c r="C57" s="13">
        <v>434</v>
      </c>
      <c r="D57" s="19">
        <v>201</v>
      </c>
      <c r="E57" s="19">
        <v>233</v>
      </c>
      <c r="F57" s="19"/>
      <c r="G57" s="18" t="s">
        <v>112</v>
      </c>
      <c r="H57" s="17"/>
      <c r="I57" s="13">
        <v>93</v>
      </c>
      <c r="J57" s="19">
        <v>20</v>
      </c>
      <c r="K57" s="19">
        <v>73</v>
      </c>
    </row>
    <row r="58" spans="1:11" ht="15" customHeight="1">
      <c r="A58" s="17" t="s">
        <v>113</v>
      </c>
      <c r="B58" s="17"/>
      <c r="C58" s="13">
        <v>496</v>
      </c>
      <c r="D58" s="19">
        <v>234</v>
      </c>
      <c r="E58" s="19">
        <v>262</v>
      </c>
      <c r="F58" s="19"/>
      <c r="G58" s="18" t="s">
        <v>114</v>
      </c>
      <c r="H58" s="17"/>
      <c r="I58" s="13">
        <v>86</v>
      </c>
      <c r="J58" s="19">
        <v>18</v>
      </c>
      <c r="K58" s="19">
        <v>68</v>
      </c>
    </row>
    <row r="59" spans="1:11" ht="20.100000000000001" customHeight="1">
      <c r="A59" s="17" t="s">
        <v>115</v>
      </c>
      <c r="B59" s="17"/>
      <c r="C59" s="13">
        <v>2867</v>
      </c>
      <c r="D59" s="14">
        <v>1363</v>
      </c>
      <c r="E59" s="14">
        <v>1504</v>
      </c>
      <c r="F59" s="14"/>
      <c r="G59" s="18" t="s">
        <v>116</v>
      </c>
      <c r="H59" s="17"/>
      <c r="I59" s="13">
        <v>205</v>
      </c>
      <c r="J59" s="14">
        <v>41</v>
      </c>
      <c r="K59" s="14">
        <v>164</v>
      </c>
    </row>
    <row r="60" spans="1:11" ht="15" customHeight="1">
      <c r="A60" s="17" t="s">
        <v>117</v>
      </c>
      <c r="B60" s="17"/>
      <c r="C60" s="13">
        <v>526</v>
      </c>
      <c r="D60" s="19">
        <v>259</v>
      </c>
      <c r="E60" s="19">
        <v>267</v>
      </c>
      <c r="F60" s="19"/>
      <c r="G60" s="18" t="s">
        <v>118</v>
      </c>
      <c r="H60" s="17"/>
      <c r="I60" s="13">
        <v>81</v>
      </c>
      <c r="J60" s="19">
        <v>16</v>
      </c>
      <c r="K60" s="19">
        <v>65</v>
      </c>
    </row>
    <row r="61" spans="1:11" ht="15" customHeight="1">
      <c r="A61" s="17" t="s">
        <v>119</v>
      </c>
      <c r="B61" s="17"/>
      <c r="C61" s="13">
        <v>541</v>
      </c>
      <c r="D61" s="19">
        <v>258</v>
      </c>
      <c r="E61" s="19">
        <v>283</v>
      </c>
      <c r="F61" s="19"/>
      <c r="G61" s="18" t="s">
        <v>120</v>
      </c>
      <c r="H61" s="17"/>
      <c r="I61" s="13">
        <v>46</v>
      </c>
      <c r="J61" s="19">
        <v>10</v>
      </c>
      <c r="K61" s="19">
        <v>36</v>
      </c>
    </row>
    <row r="62" spans="1:11" ht="15" customHeight="1">
      <c r="A62" s="17" t="s">
        <v>121</v>
      </c>
      <c r="B62" s="17"/>
      <c r="C62" s="13">
        <v>615</v>
      </c>
      <c r="D62" s="19">
        <v>287</v>
      </c>
      <c r="E62" s="19">
        <v>328</v>
      </c>
      <c r="F62" s="19"/>
      <c r="G62" s="18" t="s">
        <v>122</v>
      </c>
      <c r="H62" s="17"/>
      <c r="I62" s="13">
        <v>38</v>
      </c>
      <c r="J62" s="19">
        <v>6</v>
      </c>
      <c r="K62" s="19">
        <v>32</v>
      </c>
    </row>
    <row r="63" spans="1:11" ht="15" customHeight="1">
      <c r="A63" s="17" t="s">
        <v>123</v>
      </c>
      <c r="B63" s="17"/>
      <c r="C63" s="13">
        <v>585</v>
      </c>
      <c r="D63" s="19">
        <v>276</v>
      </c>
      <c r="E63" s="19">
        <v>309</v>
      </c>
      <c r="F63" s="19"/>
      <c r="G63" s="18" t="s">
        <v>124</v>
      </c>
      <c r="H63" s="17"/>
      <c r="I63" s="13">
        <v>27</v>
      </c>
      <c r="J63" s="19">
        <v>5</v>
      </c>
      <c r="K63" s="19">
        <v>22</v>
      </c>
    </row>
    <row r="64" spans="1:11" ht="15" customHeight="1">
      <c r="A64" s="17" t="s">
        <v>125</v>
      </c>
      <c r="B64" s="17"/>
      <c r="C64" s="13">
        <v>600</v>
      </c>
      <c r="D64" s="19">
        <v>283</v>
      </c>
      <c r="E64" s="19">
        <v>317</v>
      </c>
      <c r="F64" s="19"/>
      <c r="G64" s="18" t="s">
        <v>126</v>
      </c>
      <c r="H64" s="17"/>
      <c r="I64" s="13">
        <v>13</v>
      </c>
      <c r="J64" s="19">
        <v>4</v>
      </c>
      <c r="K64" s="19">
        <v>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3</v>
      </c>
      <c r="J65" s="19">
        <v>4</v>
      </c>
      <c r="K65" s="19">
        <v>2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83</v>
      </c>
      <c r="J66" s="29">
        <v>280</v>
      </c>
      <c r="K66" s="29">
        <v>203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0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84639</v>
      </c>
      <c r="D4" s="14">
        <v>796877</v>
      </c>
      <c r="E4" s="14">
        <v>78776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5199</v>
      </c>
      <c r="D5" s="14">
        <v>28158</v>
      </c>
      <c r="E5" s="14">
        <v>27041</v>
      </c>
      <c r="F5" s="14"/>
      <c r="G5" s="18" t="s">
        <v>8</v>
      </c>
      <c r="H5" s="17"/>
      <c r="I5" s="13">
        <v>120665</v>
      </c>
      <c r="J5" s="14">
        <v>63405</v>
      </c>
      <c r="K5" s="14">
        <v>57260</v>
      </c>
    </row>
    <row r="6" spans="1:11" ht="15" customHeight="1">
      <c r="A6" s="17" t="s">
        <v>9</v>
      </c>
      <c r="B6" s="17"/>
      <c r="C6" s="13">
        <v>10198</v>
      </c>
      <c r="D6" s="19">
        <v>5219</v>
      </c>
      <c r="E6" s="19">
        <v>4979</v>
      </c>
      <c r="F6" s="19"/>
      <c r="G6" s="18" t="s">
        <v>10</v>
      </c>
      <c r="H6" s="17"/>
      <c r="I6" s="13">
        <v>26409</v>
      </c>
      <c r="J6" s="19">
        <v>13910</v>
      </c>
      <c r="K6" s="19">
        <v>12499</v>
      </c>
    </row>
    <row r="7" spans="1:11" ht="15" customHeight="1">
      <c r="A7" s="17" t="s">
        <v>11</v>
      </c>
      <c r="B7" s="17"/>
      <c r="C7" s="13">
        <v>10746</v>
      </c>
      <c r="D7" s="19">
        <v>5467</v>
      </c>
      <c r="E7" s="19">
        <v>5279</v>
      </c>
      <c r="F7" s="19"/>
      <c r="G7" s="18" t="s">
        <v>12</v>
      </c>
      <c r="H7" s="17"/>
      <c r="I7" s="13">
        <v>25379</v>
      </c>
      <c r="J7" s="19">
        <v>13362</v>
      </c>
      <c r="K7" s="19">
        <v>12017</v>
      </c>
    </row>
    <row r="8" spans="1:11" ht="15" customHeight="1">
      <c r="A8" s="17" t="s">
        <v>13</v>
      </c>
      <c r="B8" s="17"/>
      <c r="C8" s="13">
        <v>11188</v>
      </c>
      <c r="D8" s="19">
        <v>5733</v>
      </c>
      <c r="E8" s="19">
        <v>5455</v>
      </c>
      <c r="F8" s="19"/>
      <c r="G8" s="18" t="s">
        <v>14</v>
      </c>
      <c r="H8" s="17"/>
      <c r="I8" s="13">
        <v>24712</v>
      </c>
      <c r="J8" s="19">
        <v>13070</v>
      </c>
      <c r="K8" s="19">
        <v>11642</v>
      </c>
    </row>
    <row r="9" spans="1:11" ht="15" customHeight="1">
      <c r="A9" s="17" t="s">
        <v>15</v>
      </c>
      <c r="B9" s="17"/>
      <c r="C9" s="13">
        <v>11385</v>
      </c>
      <c r="D9" s="19">
        <v>5792</v>
      </c>
      <c r="E9" s="19">
        <v>5593</v>
      </c>
      <c r="F9" s="19"/>
      <c r="G9" s="18" t="s">
        <v>16</v>
      </c>
      <c r="H9" s="17"/>
      <c r="I9" s="13">
        <v>25638</v>
      </c>
      <c r="J9" s="19">
        <v>13382</v>
      </c>
      <c r="K9" s="19">
        <v>12256</v>
      </c>
    </row>
    <row r="10" spans="1:11" ht="15" customHeight="1">
      <c r="A10" s="17" t="s">
        <v>17</v>
      </c>
      <c r="B10" s="17"/>
      <c r="C10" s="13">
        <v>11682</v>
      </c>
      <c r="D10" s="19">
        <v>5947</v>
      </c>
      <c r="E10" s="19">
        <v>5735</v>
      </c>
      <c r="F10" s="19"/>
      <c r="G10" s="18" t="s">
        <v>18</v>
      </c>
      <c r="H10" s="17"/>
      <c r="I10" s="13">
        <v>18527</v>
      </c>
      <c r="J10" s="19">
        <v>9681</v>
      </c>
      <c r="K10" s="19">
        <v>8846</v>
      </c>
    </row>
    <row r="11" spans="1:11" ht="20.100000000000001" customHeight="1">
      <c r="A11" s="17" t="s">
        <v>19</v>
      </c>
      <c r="B11" s="17"/>
      <c r="C11" s="13">
        <v>62737</v>
      </c>
      <c r="D11" s="14">
        <v>32116</v>
      </c>
      <c r="E11" s="14">
        <v>30621</v>
      </c>
      <c r="F11" s="14"/>
      <c r="G11" s="18" t="s">
        <v>20</v>
      </c>
      <c r="H11" s="17"/>
      <c r="I11" s="13">
        <v>100049</v>
      </c>
      <c r="J11" s="14">
        <v>52320</v>
      </c>
      <c r="K11" s="14">
        <v>47729</v>
      </c>
    </row>
    <row r="12" spans="1:11" ht="15" customHeight="1">
      <c r="A12" s="17" t="s">
        <v>21</v>
      </c>
      <c r="B12" s="17"/>
      <c r="C12" s="13">
        <v>12285</v>
      </c>
      <c r="D12" s="19">
        <v>6343</v>
      </c>
      <c r="E12" s="19">
        <v>5942</v>
      </c>
      <c r="F12" s="19"/>
      <c r="G12" s="18" t="s">
        <v>22</v>
      </c>
      <c r="H12" s="17"/>
      <c r="I12" s="13">
        <v>23350</v>
      </c>
      <c r="J12" s="19">
        <v>12267</v>
      </c>
      <c r="K12" s="19">
        <v>11083</v>
      </c>
    </row>
    <row r="13" spans="1:11" ht="15" customHeight="1">
      <c r="A13" s="17" t="s">
        <v>23</v>
      </c>
      <c r="B13" s="17"/>
      <c r="C13" s="13">
        <v>12324</v>
      </c>
      <c r="D13" s="19">
        <v>6174</v>
      </c>
      <c r="E13" s="19">
        <v>6150</v>
      </c>
      <c r="F13" s="19"/>
      <c r="G13" s="18" t="s">
        <v>24</v>
      </c>
      <c r="H13" s="17"/>
      <c r="I13" s="13">
        <v>20884</v>
      </c>
      <c r="J13" s="19">
        <v>10964</v>
      </c>
      <c r="K13" s="19">
        <v>9920</v>
      </c>
    </row>
    <row r="14" spans="1:11" ht="15" customHeight="1">
      <c r="A14" s="17" t="s">
        <v>25</v>
      </c>
      <c r="B14" s="17"/>
      <c r="C14" s="13">
        <v>12578</v>
      </c>
      <c r="D14" s="19">
        <v>6497</v>
      </c>
      <c r="E14" s="19">
        <v>6081</v>
      </c>
      <c r="F14" s="19"/>
      <c r="G14" s="18" t="s">
        <v>26</v>
      </c>
      <c r="H14" s="17"/>
      <c r="I14" s="13">
        <v>19659</v>
      </c>
      <c r="J14" s="19">
        <v>10297</v>
      </c>
      <c r="K14" s="19">
        <v>9362</v>
      </c>
    </row>
    <row r="15" spans="1:11" ht="15" customHeight="1">
      <c r="A15" s="17" t="s">
        <v>27</v>
      </c>
      <c r="B15" s="17"/>
      <c r="C15" s="13">
        <v>12667</v>
      </c>
      <c r="D15" s="19">
        <v>6474</v>
      </c>
      <c r="E15" s="19">
        <v>6193</v>
      </c>
      <c r="F15" s="19"/>
      <c r="G15" s="18" t="s">
        <v>28</v>
      </c>
      <c r="H15" s="17"/>
      <c r="I15" s="13">
        <v>18474</v>
      </c>
      <c r="J15" s="19">
        <v>9584</v>
      </c>
      <c r="K15" s="19">
        <v>8890</v>
      </c>
    </row>
    <row r="16" spans="1:11" ht="15" customHeight="1">
      <c r="A16" s="17" t="s">
        <v>29</v>
      </c>
      <c r="B16" s="17"/>
      <c r="C16" s="13">
        <v>12883</v>
      </c>
      <c r="D16" s="19">
        <v>6628</v>
      </c>
      <c r="E16" s="19">
        <v>6255</v>
      </c>
      <c r="F16" s="19"/>
      <c r="G16" s="18" t="s">
        <v>30</v>
      </c>
      <c r="H16" s="17"/>
      <c r="I16" s="13">
        <v>17682</v>
      </c>
      <c r="J16" s="19">
        <v>9208</v>
      </c>
      <c r="K16" s="19">
        <v>8474</v>
      </c>
    </row>
    <row r="17" spans="1:11" ht="20.100000000000001" customHeight="1">
      <c r="A17" s="20" t="s">
        <v>31</v>
      </c>
      <c r="B17" s="20"/>
      <c r="C17" s="13">
        <v>67153</v>
      </c>
      <c r="D17" s="14">
        <v>34383</v>
      </c>
      <c r="E17" s="14">
        <v>32770</v>
      </c>
      <c r="F17" s="14"/>
      <c r="G17" s="18" t="s">
        <v>32</v>
      </c>
      <c r="H17" s="17"/>
      <c r="I17" s="13">
        <v>82551</v>
      </c>
      <c r="J17" s="14">
        <v>42136</v>
      </c>
      <c r="K17" s="14">
        <v>40415</v>
      </c>
    </row>
    <row r="18" spans="1:11" ht="15" customHeight="1">
      <c r="A18" s="17" t="s">
        <v>33</v>
      </c>
      <c r="B18" s="17"/>
      <c r="C18" s="13">
        <v>13285</v>
      </c>
      <c r="D18" s="19">
        <v>6755</v>
      </c>
      <c r="E18" s="19">
        <v>6530</v>
      </c>
      <c r="F18" s="19"/>
      <c r="G18" s="18" t="s">
        <v>34</v>
      </c>
      <c r="H18" s="17"/>
      <c r="I18" s="13">
        <v>17359</v>
      </c>
      <c r="J18" s="19">
        <v>8820</v>
      </c>
      <c r="K18" s="19">
        <v>8539</v>
      </c>
    </row>
    <row r="19" spans="1:11" ht="15" customHeight="1">
      <c r="A19" s="17" t="s">
        <v>35</v>
      </c>
      <c r="B19" s="17"/>
      <c r="C19" s="13">
        <v>13229</v>
      </c>
      <c r="D19" s="19">
        <v>6781</v>
      </c>
      <c r="E19" s="19">
        <v>6448</v>
      </c>
      <c r="F19" s="19"/>
      <c r="G19" s="18" t="s">
        <v>36</v>
      </c>
      <c r="H19" s="17"/>
      <c r="I19" s="13">
        <v>16921</v>
      </c>
      <c r="J19" s="19">
        <v>8753</v>
      </c>
      <c r="K19" s="19">
        <v>8168</v>
      </c>
    </row>
    <row r="20" spans="1:11" ht="15" customHeight="1">
      <c r="A20" s="17" t="s">
        <v>37</v>
      </c>
      <c r="B20" s="17"/>
      <c r="C20" s="13">
        <v>13601</v>
      </c>
      <c r="D20" s="19">
        <v>6931</v>
      </c>
      <c r="E20" s="19">
        <v>6670</v>
      </c>
      <c r="F20" s="19"/>
      <c r="G20" s="18" t="s">
        <v>38</v>
      </c>
      <c r="H20" s="17"/>
      <c r="I20" s="13">
        <v>16617</v>
      </c>
      <c r="J20" s="19">
        <v>8474</v>
      </c>
      <c r="K20" s="19">
        <v>8143</v>
      </c>
    </row>
    <row r="21" spans="1:11" ht="15" customHeight="1">
      <c r="A21" s="17" t="s">
        <v>39</v>
      </c>
      <c r="B21" s="17"/>
      <c r="C21" s="13">
        <v>13502</v>
      </c>
      <c r="D21" s="19">
        <v>6974</v>
      </c>
      <c r="E21" s="19">
        <v>6528</v>
      </c>
      <c r="F21" s="19"/>
      <c r="G21" s="18" t="s">
        <v>40</v>
      </c>
      <c r="H21" s="17"/>
      <c r="I21" s="13">
        <v>15597</v>
      </c>
      <c r="J21" s="19">
        <v>7975</v>
      </c>
      <c r="K21" s="19">
        <v>7622</v>
      </c>
    </row>
    <row r="22" spans="1:11" ht="15" customHeight="1">
      <c r="A22" s="17" t="s">
        <v>41</v>
      </c>
      <c r="B22" s="17"/>
      <c r="C22" s="13">
        <v>13536</v>
      </c>
      <c r="D22" s="19">
        <v>6942</v>
      </c>
      <c r="E22" s="19">
        <v>6594</v>
      </c>
      <c r="F22" s="19"/>
      <c r="G22" s="18" t="s">
        <v>42</v>
      </c>
      <c r="H22" s="17"/>
      <c r="I22" s="13">
        <v>16057</v>
      </c>
      <c r="J22" s="19">
        <v>8114</v>
      </c>
      <c r="K22" s="19">
        <v>7943</v>
      </c>
    </row>
    <row r="23" spans="1:11" ht="20.100000000000001" customHeight="1">
      <c r="A23" s="17" t="s">
        <v>43</v>
      </c>
      <c r="B23" s="17"/>
      <c r="C23" s="13">
        <v>70628</v>
      </c>
      <c r="D23" s="14">
        <v>36098</v>
      </c>
      <c r="E23" s="14">
        <v>34530</v>
      </c>
      <c r="F23" s="14"/>
      <c r="G23" s="18" t="s">
        <v>44</v>
      </c>
      <c r="H23" s="17"/>
      <c r="I23" s="13">
        <v>90066</v>
      </c>
      <c r="J23" s="14">
        <v>44255</v>
      </c>
      <c r="K23" s="14">
        <v>45811</v>
      </c>
    </row>
    <row r="24" spans="1:11" ht="15" customHeight="1">
      <c r="A24" s="17" t="s">
        <v>45</v>
      </c>
      <c r="B24" s="17"/>
      <c r="C24" s="13">
        <v>13211</v>
      </c>
      <c r="D24" s="19">
        <v>6760</v>
      </c>
      <c r="E24" s="19">
        <v>6451</v>
      </c>
      <c r="F24" s="19"/>
      <c r="G24" s="18" t="s">
        <v>46</v>
      </c>
      <c r="H24" s="17"/>
      <c r="I24" s="13">
        <v>16743</v>
      </c>
      <c r="J24" s="19">
        <v>8469</v>
      </c>
      <c r="K24" s="19">
        <v>8274</v>
      </c>
    </row>
    <row r="25" spans="1:11" ht="15" customHeight="1">
      <c r="A25" s="17" t="s">
        <v>47</v>
      </c>
      <c r="B25" s="17"/>
      <c r="C25" s="13">
        <v>13322</v>
      </c>
      <c r="D25" s="19">
        <v>6845</v>
      </c>
      <c r="E25" s="19">
        <v>6477</v>
      </c>
      <c r="F25" s="19"/>
      <c r="G25" s="18" t="s">
        <v>48</v>
      </c>
      <c r="H25" s="17"/>
      <c r="I25" s="13">
        <v>16935</v>
      </c>
      <c r="J25" s="19">
        <v>8362</v>
      </c>
      <c r="K25" s="19">
        <v>8573</v>
      </c>
    </row>
    <row r="26" spans="1:11" ht="15" customHeight="1">
      <c r="A26" s="17" t="s">
        <v>49</v>
      </c>
      <c r="B26" s="17"/>
      <c r="C26" s="13">
        <v>13689</v>
      </c>
      <c r="D26" s="19">
        <v>7098</v>
      </c>
      <c r="E26" s="19">
        <v>6591</v>
      </c>
      <c r="F26" s="19"/>
      <c r="G26" s="18" t="s">
        <v>50</v>
      </c>
      <c r="H26" s="17"/>
      <c r="I26" s="13">
        <v>17310</v>
      </c>
      <c r="J26" s="19">
        <v>8485</v>
      </c>
      <c r="K26" s="19">
        <v>8825</v>
      </c>
    </row>
    <row r="27" spans="1:11" ht="15" customHeight="1">
      <c r="A27" s="17" t="s">
        <v>51</v>
      </c>
      <c r="B27" s="17"/>
      <c r="C27" s="13">
        <v>14404</v>
      </c>
      <c r="D27" s="19">
        <v>7309</v>
      </c>
      <c r="E27" s="19">
        <v>7095</v>
      </c>
      <c r="F27" s="19"/>
      <c r="G27" s="18" t="s">
        <v>52</v>
      </c>
      <c r="H27" s="17"/>
      <c r="I27" s="13">
        <v>19121</v>
      </c>
      <c r="J27" s="19">
        <v>9240</v>
      </c>
      <c r="K27" s="19">
        <v>9881</v>
      </c>
    </row>
    <row r="28" spans="1:11" ht="15" customHeight="1">
      <c r="A28" s="17" t="s">
        <v>53</v>
      </c>
      <c r="B28" s="17"/>
      <c r="C28" s="13">
        <v>16002</v>
      </c>
      <c r="D28" s="19">
        <v>8086</v>
      </c>
      <c r="E28" s="19">
        <v>7916</v>
      </c>
      <c r="F28" s="19"/>
      <c r="G28" s="18" t="s">
        <v>54</v>
      </c>
      <c r="H28" s="17"/>
      <c r="I28" s="13">
        <v>19957</v>
      </c>
      <c r="J28" s="19">
        <v>9699</v>
      </c>
      <c r="K28" s="19">
        <v>10258</v>
      </c>
    </row>
    <row r="29" spans="1:11" ht="20.100000000000001" customHeight="1">
      <c r="A29" s="17" t="s">
        <v>55</v>
      </c>
      <c r="B29" s="17"/>
      <c r="C29" s="13">
        <v>84489</v>
      </c>
      <c r="D29" s="14">
        <v>43532</v>
      </c>
      <c r="E29" s="14">
        <v>40957</v>
      </c>
      <c r="F29" s="14"/>
      <c r="G29" s="18" t="s">
        <v>56</v>
      </c>
      <c r="H29" s="17"/>
      <c r="I29" s="13">
        <v>110114</v>
      </c>
      <c r="J29" s="14">
        <v>51526</v>
      </c>
      <c r="K29" s="14">
        <v>58588</v>
      </c>
    </row>
    <row r="30" spans="1:11" ht="15" customHeight="1">
      <c r="A30" s="17" t="s">
        <v>57</v>
      </c>
      <c r="B30" s="17"/>
      <c r="C30" s="13">
        <v>16935</v>
      </c>
      <c r="D30" s="19">
        <v>8621</v>
      </c>
      <c r="E30" s="19">
        <v>8314</v>
      </c>
      <c r="F30" s="19"/>
      <c r="G30" s="18" t="s">
        <v>58</v>
      </c>
      <c r="H30" s="17"/>
      <c r="I30" s="13">
        <v>21584</v>
      </c>
      <c r="J30" s="19">
        <v>10225</v>
      </c>
      <c r="K30" s="19">
        <v>11359</v>
      </c>
    </row>
    <row r="31" spans="1:11" ht="15" customHeight="1">
      <c r="A31" s="17" t="s">
        <v>59</v>
      </c>
      <c r="B31" s="17"/>
      <c r="C31" s="13">
        <v>16985</v>
      </c>
      <c r="D31" s="19">
        <v>8717</v>
      </c>
      <c r="E31" s="19">
        <v>8268</v>
      </c>
      <c r="F31" s="19"/>
      <c r="G31" s="18" t="s">
        <v>60</v>
      </c>
      <c r="H31" s="17"/>
      <c r="I31" s="13">
        <v>24491</v>
      </c>
      <c r="J31" s="19">
        <v>11558</v>
      </c>
      <c r="K31" s="19">
        <v>12933</v>
      </c>
    </row>
    <row r="32" spans="1:11" ht="15" customHeight="1">
      <c r="A32" s="17" t="s">
        <v>61</v>
      </c>
      <c r="B32" s="17"/>
      <c r="C32" s="13">
        <v>17395</v>
      </c>
      <c r="D32" s="19">
        <v>8935</v>
      </c>
      <c r="E32" s="19">
        <v>8460</v>
      </c>
      <c r="F32" s="19"/>
      <c r="G32" s="18" t="s">
        <v>62</v>
      </c>
      <c r="H32" s="17"/>
      <c r="I32" s="13">
        <v>23895</v>
      </c>
      <c r="J32" s="19">
        <v>11081</v>
      </c>
      <c r="K32" s="19">
        <v>12814</v>
      </c>
    </row>
    <row r="33" spans="1:11" ht="15" customHeight="1">
      <c r="A33" s="17" t="s">
        <v>63</v>
      </c>
      <c r="B33" s="17"/>
      <c r="C33" s="13">
        <v>16731</v>
      </c>
      <c r="D33" s="19">
        <v>8768</v>
      </c>
      <c r="E33" s="19">
        <v>7963</v>
      </c>
      <c r="F33" s="19"/>
      <c r="G33" s="18" t="s">
        <v>64</v>
      </c>
      <c r="H33" s="17"/>
      <c r="I33" s="13">
        <v>23648</v>
      </c>
      <c r="J33" s="19">
        <v>10893</v>
      </c>
      <c r="K33" s="19">
        <v>12755</v>
      </c>
    </row>
    <row r="34" spans="1:11" ht="15" customHeight="1">
      <c r="A34" s="17" t="s">
        <v>65</v>
      </c>
      <c r="B34" s="17"/>
      <c r="C34" s="13">
        <v>16443</v>
      </c>
      <c r="D34" s="19">
        <v>8491</v>
      </c>
      <c r="E34" s="19">
        <v>7952</v>
      </c>
      <c r="F34" s="19"/>
      <c r="G34" s="18" t="s">
        <v>66</v>
      </c>
      <c r="H34" s="17"/>
      <c r="I34" s="13">
        <v>16496</v>
      </c>
      <c r="J34" s="19">
        <v>7769</v>
      </c>
      <c r="K34" s="19">
        <v>8727</v>
      </c>
    </row>
    <row r="35" spans="1:11" ht="20.100000000000001" customHeight="1">
      <c r="A35" s="17" t="s">
        <v>67</v>
      </c>
      <c r="B35" s="17"/>
      <c r="C35" s="13">
        <v>81213</v>
      </c>
      <c r="D35" s="14">
        <v>42496</v>
      </c>
      <c r="E35" s="14">
        <v>38717</v>
      </c>
      <c r="F35" s="14"/>
      <c r="G35" s="18" t="s">
        <v>68</v>
      </c>
      <c r="H35" s="17"/>
      <c r="I35" s="13">
        <v>87816</v>
      </c>
      <c r="J35" s="14">
        <v>40133</v>
      </c>
      <c r="K35" s="14">
        <v>47683</v>
      </c>
    </row>
    <row r="36" spans="1:11" ht="15" customHeight="1">
      <c r="A36" s="17" t="s">
        <v>69</v>
      </c>
      <c r="B36" s="17"/>
      <c r="C36" s="13">
        <v>16320</v>
      </c>
      <c r="D36" s="19">
        <v>8284</v>
      </c>
      <c r="E36" s="19">
        <v>8036</v>
      </c>
      <c r="F36" s="19"/>
      <c r="G36" s="18" t="s">
        <v>70</v>
      </c>
      <c r="H36" s="17"/>
      <c r="I36" s="13">
        <v>14774</v>
      </c>
      <c r="J36" s="19">
        <v>6763</v>
      </c>
      <c r="K36" s="19">
        <v>8011</v>
      </c>
    </row>
    <row r="37" spans="1:11" ht="15" customHeight="1">
      <c r="A37" s="17" t="s">
        <v>71</v>
      </c>
      <c r="B37" s="17"/>
      <c r="C37" s="13">
        <v>16834</v>
      </c>
      <c r="D37" s="19">
        <v>8831</v>
      </c>
      <c r="E37" s="19">
        <v>8003</v>
      </c>
      <c r="F37" s="19"/>
      <c r="G37" s="18" t="s">
        <v>72</v>
      </c>
      <c r="H37" s="17"/>
      <c r="I37" s="13">
        <v>18381</v>
      </c>
      <c r="J37" s="19">
        <v>8342</v>
      </c>
      <c r="K37" s="19">
        <v>10039</v>
      </c>
    </row>
    <row r="38" spans="1:11" ht="15" customHeight="1">
      <c r="A38" s="17" t="s">
        <v>73</v>
      </c>
      <c r="B38" s="17"/>
      <c r="C38" s="13">
        <v>16034</v>
      </c>
      <c r="D38" s="19">
        <v>8405</v>
      </c>
      <c r="E38" s="19">
        <v>7629</v>
      </c>
      <c r="F38" s="19"/>
      <c r="G38" s="18" t="s">
        <v>74</v>
      </c>
      <c r="H38" s="17"/>
      <c r="I38" s="13">
        <v>19256</v>
      </c>
      <c r="J38" s="19">
        <v>8817</v>
      </c>
      <c r="K38" s="19">
        <v>10439</v>
      </c>
    </row>
    <row r="39" spans="1:11" ht="15" customHeight="1">
      <c r="A39" s="17" t="s">
        <v>75</v>
      </c>
      <c r="B39" s="17"/>
      <c r="C39" s="13">
        <v>16075</v>
      </c>
      <c r="D39" s="19">
        <v>8529</v>
      </c>
      <c r="E39" s="19">
        <v>7546</v>
      </c>
      <c r="F39" s="19"/>
      <c r="G39" s="18" t="s">
        <v>76</v>
      </c>
      <c r="H39" s="17"/>
      <c r="I39" s="13">
        <v>17998</v>
      </c>
      <c r="J39" s="19">
        <v>8272</v>
      </c>
      <c r="K39" s="19">
        <v>9726</v>
      </c>
    </row>
    <row r="40" spans="1:11" ht="15" customHeight="1">
      <c r="A40" s="17" t="s">
        <v>77</v>
      </c>
      <c r="B40" s="17"/>
      <c r="C40" s="13">
        <v>15950</v>
      </c>
      <c r="D40" s="19">
        <v>8447</v>
      </c>
      <c r="E40" s="19">
        <v>7503</v>
      </c>
      <c r="F40" s="19"/>
      <c r="G40" s="18" t="s">
        <v>78</v>
      </c>
      <c r="H40" s="17"/>
      <c r="I40" s="13">
        <v>17407</v>
      </c>
      <c r="J40" s="19">
        <v>7939</v>
      </c>
      <c r="K40" s="19">
        <v>9468</v>
      </c>
    </row>
    <row r="41" spans="1:11" ht="20.100000000000001" customHeight="1">
      <c r="A41" s="17" t="s">
        <v>79</v>
      </c>
      <c r="B41" s="17"/>
      <c r="C41" s="13">
        <v>82615</v>
      </c>
      <c r="D41" s="14">
        <v>43683</v>
      </c>
      <c r="E41" s="14">
        <v>38932</v>
      </c>
      <c r="F41" s="14"/>
      <c r="G41" s="18" t="s">
        <v>80</v>
      </c>
      <c r="H41" s="17"/>
      <c r="I41" s="13">
        <v>62197</v>
      </c>
      <c r="J41" s="14">
        <v>28429</v>
      </c>
      <c r="K41" s="14">
        <v>33768</v>
      </c>
    </row>
    <row r="42" spans="1:11" ht="15" customHeight="1">
      <c r="A42" s="17" t="s">
        <v>81</v>
      </c>
      <c r="B42" s="17"/>
      <c r="C42" s="13">
        <v>15973</v>
      </c>
      <c r="D42" s="19">
        <v>8485</v>
      </c>
      <c r="E42" s="19">
        <v>7488</v>
      </c>
      <c r="F42" s="19"/>
      <c r="G42" s="18" t="s">
        <v>82</v>
      </c>
      <c r="H42" s="17"/>
      <c r="I42" s="13">
        <v>15737</v>
      </c>
      <c r="J42" s="19">
        <v>7223</v>
      </c>
      <c r="K42" s="19">
        <v>8514</v>
      </c>
    </row>
    <row r="43" spans="1:11" ht="15" customHeight="1">
      <c r="A43" s="17" t="s">
        <v>83</v>
      </c>
      <c r="B43" s="17"/>
      <c r="C43" s="13">
        <v>16069</v>
      </c>
      <c r="D43" s="19">
        <v>8546</v>
      </c>
      <c r="E43" s="19">
        <v>7523</v>
      </c>
      <c r="F43" s="19"/>
      <c r="G43" s="18" t="s">
        <v>84</v>
      </c>
      <c r="H43" s="17"/>
      <c r="I43" s="13">
        <v>12760</v>
      </c>
      <c r="J43" s="19">
        <v>5897</v>
      </c>
      <c r="K43" s="19">
        <v>6863</v>
      </c>
    </row>
    <row r="44" spans="1:11" ht="15" customHeight="1">
      <c r="A44" s="17" t="s">
        <v>85</v>
      </c>
      <c r="B44" s="17"/>
      <c r="C44" s="13">
        <v>16915</v>
      </c>
      <c r="D44" s="19">
        <v>8795</v>
      </c>
      <c r="E44" s="19">
        <v>8120</v>
      </c>
      <c r="F44" s="19"/>
      <c r="G44" s="18" t="s">
        <v>86</v>
      </c>
      <c r="H44" s="17"/>
      <c r="I44" s="13">
        <v>11773</v>
      </c>
      <c r="J44" s="19">
        <v>5439</v>
      </c>
      <c r="K44" s="19">
        <v>6334</v>
      </c>
    </row>
    <row r="45" spans="1:11" ht="15" customHeight="1">
      <c r="A45" s="17" t="s">
        <v>87</v>
      </c>
      <c r="B45" s="17"/>
      <c r="C45" s="13">
        <v>16485</v>
      </c>
      <c r="D45" s="19">
        <v>8765</v>
      </c>
      <c r="E45" s="19">
        <v>7720</v>
      </c>
      <c r="F45" s="19"/>
      <c r="G45" s="18" t="s">
        <v>88</v>
      </c>
      <c r="H45" s="17"/>
      <c r="I45" s="13">
        <v>11672</v>
      </c>
      <c r="J45" s="19">
        <v>5317</v>
      </c>
      <c r="K45" s="19">
        <v>6355</v>
      </c>
    </row>
    <row r="46" spans="1:11" ht="15" customHeight="1">
      <c r="A46" s="17" t="s">
        <v>89</v>
      </c>
      <c r="B46" s="17"/>
      <c r="C46" s="13">
        <v>17173</v>
      </c>
      <c r="D46" s="19">
        <v>9092</v>
      </c>
      <c r="E46" s="19">
        <v>8081</v>
      </c>
      <c r="F46" s="19"/>
      <c r="G46" s="18" t="s">
        <v>90</v>
      </c>
      <c r="H46" s="17"/>
      <c r="I46" s="13">
        <v>10255</v>
      </c>
      <c r="J46" s="19">
        <v>4553</v>
      </c>
      <c r="K46" s="19">
        <v>5702</v>
      </c>
    </row>
    <row r="47" spans="1:11" ht="20.100000000000001" customHeight="1">
      <c r="A47" s="17" t="s">
        <v>91</v>
      </c>
      <c r="B47" s="17"/>
      <c r="C47" s="13">
        <v>93279</v>
      </c>
      <c r="D47" s="14">
        <v>48827</v>
      </c>
      <c r="E47" s="14">
        <v>44452</v>
      </c>
      <c r="F47" s="14"/>
      <c r="G47" s="18" t="s">
        <v>92</v>
      </c>
      <c r="H47" s="17"/>
      <c r="I47" s="13">
        <v>34806</v>
      </c>
      <c r="J47" s="14">
        <v>13482</v>
      </c>
      <c r="K47" s="14">
        <v>21324</v>
      </c>
    </row>
    <row r="48" spans="1:11" ht="15" customHeight="1">
      <c r="A48" s="17" t="s">
        <v>93</v>
      </c>
      <c r="B48" s="17"/>
      <c r="C48" s="13">
        <v>17643</v>
      </c>
      <c r="D48" s="19">
        <v>9251</v>
      </c>
      <c r="E48" s="19">
        <v>8392</v>
      </c>
      <c r="F48" s="19"/>
      <c r="G48" s="18" t="s">
        <v>94</v>
      </c>
      <c r="H48" s="17"/>
      <c r="I48" s="13">
        <v>9373</v>
      </c>
      <c r="J48" s="19">
        <v>3996</v>
      </c>
      <c r="K48" s="19">
        <v>5377</v>
      </c>
    </row>
    <row r="49" spans="1:11" ht="15" customHeight="1">
      <c r="A49" s="17" t="s">
        <v>95</v>
      </c>
      <c r="B49" s="17"/>
      <c r="C49" s="13">
        <v>18391</v>
      </c>
      <c r="D49" s="19">
        <v>9637</v>
      </c>
      <c r="E49" s="19">
        <v>8754</v>
      </c>
      <c r="F49" s="19"/>
      <c r="G49" s="18" t="s">
        <v>96</v>
      </c>
      <c r="H49" s="17"/>
      <c r="I49" s="13">
        <v>7636</v>
      </c>
      <c r="J49" s="19">
        <v>3057</v>
      </c>
      <c r="K49" s="19">
        <v>4579</v>
      </c>
    </row>
    <row r="50" spans="1:11" ht="15" customHeight="1">
      <c r="A50" s="17" t="s">
        <v>97</v>
      </c>
      <c r="B50" s="17"/>
      <c r="C50" s="13">
        <v>18955</v>
      </c>
      <c r="D50" s="19">
        <v>9887</v>
      </c>
      <c r="E50" s="19">
        <v>9068</v>
      </c>
      <c r="F50" s="19"/>
      <c r="G50" s="18" t="s">
        <v>98</v>
      </c>
      <c r="H50" s="17"/>
      <c r="I50" s="13">
        <v>6771</v>
      </c>
      <c r="J50" s="19">
        <v>2544</v>
      </c>
      <c r="K50" s="19">
        <v>4227</v>
      </c>
    </row>
    <row r="51" spans="1:11" ht="15" customHeight="1">
      <c r="A51" s="17" t="s">
        <v>99</v>
      </c>
      <c r="B51" s="17"/>
      <c r="C51" s="13">
        <v>18880</v>
      </c>
      <c r="D51" s="19">
        <v>9888</v>
      </c>
      <c r="E51" s="19">
        <v>8992</v>
      </c>
      <c r="F51" s="19"/>
      <c r="G51" s="18" t="s">
        <v>100</v>
      </c>
      <c r="H51" s="17"/>
      <c r="I51" s="13">
        <v>6082</v>
      </c>
      <c r="J51" s="19">
        <v>2184</v>
      </c>
      <c r="K51" s="19">
        <v>3898</v>
      </c>
    </row>
    <row r="52" spans="1:11" ht="15" customHeight="1">
      <c r="A52" s="17" t="s">
        <v>101</v>
      </c>
      <c r="B52" s="17"/>
      <c r="C52" s="13">
        <v>19410</v>
      </c>
      <c r="D52" s="19">
        <v>10164</v>
      </c>
      <c r="E52" s="19">
        <v>9246</v>
      </c>
      <c r="F52" s="19"/>
      <c r="G52" s="18" t="s">
        <v>102</v>
      </c>
      <c r="H52" s="17"/>
      <c r="I52" s="13">
        <v>4944</v>
      </c>
      <c r="J52" s="19">
        <v>1701</v>
      </c>
      <c r="K52" s="19">
        <v>3243</v>
      </c>
    </row>
    <row r="53" spans="1:11" ht="20.100000000000001" customHeight="1">
      <c r="A53" s="17" t="s">
        <v>103</v>
      </c>
      <c r="B53" s="17"/>
      <c r="C53" s="13">
        <v>108408</v>
      </c>
      <c r="D53" s="14">
        <v>56812</v>
      </c>
      <c r="E53" s="14">
        <v>51596</v>
      </c>
      <c r="F53" s="14"/>
      <c r="G53" s="18" t="s">
        <v>104</v>
      </c>
      <c r="H53" s="17"/>
      <c r="I53" s="13">
        <v>14670</v>
      </c>
      <c r="J53" s="14">
        <v>4401</v>
      </c>
      <c r="K53" s="14">
        <v>10269</v>
      </c>
    </row>
    <row r="54" spans="1:11" ht="15" customHeight="1">
      <c r="A54" s="17" t="s">
        <v>105</v>
      </c>
      <c r="B54" s="17"/>
      <c r="C54" s="13">
        <v>19907</v>
      </c>
      <c r="D54" s="19">
        <v>10399</v>
      </c>
      <c r="E54" s="19">
        <v>9508</v>
      </c>
      <c r="F54" s="19"/>
      <c r="G54" s="18" t="s">
        <v>106</v>
      </c>
      <c r="H54" s="17"/>
      <c r="I54" s="13">
        <v>4324</v>
      </c>
      <c r="J54" s="19">
        <v>1410</v>
      </c>
      <c r="K54" s="19">
        <v>2914</v>
      </c>
    </row>
    <row r="55" spans="1:11" ht="15" customHeight="1">
      <c r="A55" s="17" t="s">
        <v>107</v>
      </c>
      <c r="B55" s="17"/>
      <c r="C55" s="13">
        <v>20918</v>
      </c>
      <c r="D55" s="19">
        <v>11004</v>
      </c>
      <c r="E55" s="19">
        <v>9914</v>
      </c>
      <c r="F55" s="19"/>
      <c r="G55" s="18" t="s">
        <v>108</v>
      </c>
      <c r="H55" s="17"/>
      <c r="I55" s="13">
        <v>3534</v>
      </c>
      <c r="J55" s="19">
        <v>1100</v>
      </c>
      <c r="K55" s="19">
        <v>2434</v>
      </c>
    </row>
    <row r="56" spans="1:11" ht="15" customHeight="1">
      <c r="A56" s="17" t="s">
        <v>109</v>
      </c>
      <c r="B56" s="17"/>
      <c r="C56" s="13">
        <v>21781</v>
      </c>
      <c r="D56" s="19">
        <v>11319</v>
      </c>
      <c r="E56" s="19">
        <v>10462</v>
      </c>
      <c r="F56" s="19"/>
      <c r="G56" s="18" t="s">
        <v>110</v>
      </c>
      <c r="H56" s="17"/>
      <c r="I56" s="13">
        <v>2932</v>
      </c>
      <c r="J56" s="19">
        <v>831</v>
      </c>
      <c r="K56" s="19">
        <v>2101</v>
      </c>
    </row>
    <row r="57" spans="1:11" ht="15" customHeight="1">
      <c r="A57" s="17" t="s">
        <v>111</v>
      </c>
      <c r="B57" s="17"/>
      <c r="C57" s="13">
        <v>22477</v>
      </c>
      <c r="D57" s="19">
        <v>11724</v>
      </c>
      <c r="E57" s="19">
        <v>10753</v>
      </c>
      <c r="F57" s="19"/>
      <c r="G57" s="18" t="s">
        <v>112</v>
      </c>
      <c r="H57" s="17"/>
      <c r="I57" s="13">
        <v>2218</v>
      </c>
      <c r="J57" s="19">
        <v>628</v>
      </c>
      <c r="K57" s="19">
        <v>1590</v>
      </c>
    </row>
    <row r="58" spans="1:11" ht="15" customHeight="1">
      <c r="A58" s="17" t="s">
        <v>113</v>
      </c>
      <c r="B58" s="17"/>
      <c r="C58" s="13">
        <v>23325</v>
      </c>
      <c r="D58" s="19">
        <v>12366</v>
      </c>
      <c r="E58" s="19">
        <v>10959</v>
      </c>
      <c r="F58" s="19"/>
      <c r="G58" s="18" t="s">
        <v>114</v>
      </c>
      <c r="H58" s="17"/>
      <c r="I58" s="13">
        <v>1662</v>
      </c>
      <c r="J58" s="19">
        <v>432</v>
      </c>
      <c r="K58" s="19">
        <v>1230</v>
      </c>
    </row>
    <row r="59" spans="1:11" ht="20.100000000000001" customHeight="1">
      <c r="A59" s="17" t="s">
        <v>115</v>
      </c>
      <c r="B59" s="17"/>
      <c r="C59" s="13">
        <v>132736</v>
      </c>
      <c r="D59" s="14">
        <v>69361</v>
      </c>
      <c r="E59" s="14">
        <v>63375</v>
      </c>
      <c r="F59" s="14"/>
      <c r="G59" s="18" t="s">
        <v>116</v>
      </c>
      <c r="H59" s="17"/>
      <c r="I59" s="13">
        <v>3903</v>
      </c>
      <c r="J59" s="14">
        <v>743</v>
      </c>
      <c r="K59" s="14">
        <v>3160</v>
      </c>
    </row>
    <row r="60" spans="1:11" ht="15" customHeight="1">
      <c r="A60" s="17" t="s">
        <v>117</v>
      </c>
      <c r="B60" s="17"/>
      <c r="C60" s="13">
        <v>24151</v>
      </c>
      <c r="D60" s="19">
        <v>12512</v>
      </c>
      <c r="E60" s="19">
        <v>11639</v>
      </c>
      <c r="F60" s="19"/>
      <c r="G60" s="18" t="s">
        <v>118</v>
      </c>
      <c r="H60" s="17"/>
      <c r="I60" s="13">
        <v>1328</v>
      </c>
      <c r="J60" s="19">
        <v>316</v>
      </c>
      <c r="K60" s="19">
        <v>1012</v>
      </c>
    </row>
    <row r="61" spans="1:11" ht="15" customHeight="1">
      <c r="A61" s="17" t="s">
        <v>119</v>
      </c>
      <c r="B61" s="17"/>
      <c r="C61" s="13">
        <v>26256</v>
      </c>
      <c r="D61" s="19">
        <v>13845</v>
      </c>
      <c r="E61" s="19">
        <v>12411</v>
      </c>
      <c r="F61" s="19"/>
      <c r="G61" s="18" t="s">
        <v>120</v>
      </c>
      <c r="H61" s="17"/>
      <c r="I61" s="13">
        <v>980</v>
      </c>
      <c r="J61" s="19">
        <v>191</v>
      </c>
      <c r="K61" s="19">
        <v>789</v>
      </c>
    </row>
    <row r="62" spans="1:11" ht="15" customHeight="1">
      <c r="A62" s="17" t="s">
        <v>121</v>
      </c>
      <c r="B62" s="17"/>
      <c r="C62" s="13">
        <v>27722</v>
      </c>
      <c r="D62" s="19">
        <v>14425</v>
      </c>
      <c r="E62" s="19">
        <v>13297</v>
      </c>
      <c r="F62" s="19"/>
      <c r="G62" s="18" t="s">
        <v>122</v>
      </c>
      <c r="H62" s="17"/>
      <c r="I62" s="13">
        <v>738</v>
      </c>
      <c r="J62" s="19">
        <v>124</v>
      </c>
      <c r="K62" s="19">
        <v>614</v>
      </c>
    </row>
    <row r="63" spans="1:11" ht="15" customHeight="1">
      <c r="A63" s="17" t="s">
        <v>123</v>
      </c>
      <c r="B63" s="17"/>
      <c r="C63" s="13">
        <v>27379</v>
      </c>
      <c r="D63" s="19">
        <v>14299</v>
      </c>
      <c r="E63" s="19">
        <v>13080</v>
      </c>
      <c r="F63" s="19"/>
      <c r="G63" s="18" t="s">
        <v>124</v>
      </c>
      <c r="H63" s="17"/>
      <c r="I63" s="13">
        <v>502</v>
      </c>
      <c r="J63" s="19">
        <v>74</v>
      </c>
      <c r="K63" s="19">
        <v>428</v>
      </c>
    </row>
    <row r="64" spans="1:11" ht="15" customHeight="1">
      <c r="A64" s="17" t="s">
        <v>125</v>
      </c>
      <c r="B64" s="17"/>
      <c r="C64" s="13">
        <v>27228</v>
      </c>
      <c r="D64" s="19">
        <v>14280</v>
      </c>
      <c r="E64" s="19">
        <v>12948</v>
      </c>
      <c r="F64" s="19"/>
      <c r="G64" s="18" t="s">
        <v>126</v>
      </c>
      <c r="H64" s="17"/>
      <c r="I64" s="13">
        <v>355</v>
      </c>
      <c r="J64" s="19">
        <v>38</v>
      </c>
      <c r="K64" s="19">
        <v>31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82</v>
      </c>
      <c r="J65" s="19">
        <v>82</v>
      </c>
      <c r="K65" s="19">
        <v>50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8763</v>
      </c>
      <c r="J66" s="29">
        <v>20499</v>
      </c>
      <c r="K66" s="29">
        <v>18264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0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725514</v>
      </c>
      <c r="D4" s="14">
        <v>362179</v>
      </c>
      <c r="E4" s="14">
        <v>36333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4262</v>
      </c>
      <c r="D5" s="14">
        <v>12352</v>
      </c>
      <c r="E5" s="14">
        <v>11910</v>
      </c>
      <c r="F5" s="14"/>
      <c r="G5" s="18" t="s">
        <v>8</v>
      </c>
      <c r="H5" s="17"/>
      <c r="I5" s="13">
        <v>54989</v>
      </c>
      <c r="J5" s="14">
        <v>28659</v>
      </c>
      <c r="K5" s="14">
        <v>26330</v>
      </c>
    </row>
    <row r="6" spans="1:11" ht="15" customHeight="1">
      <c r="A6" s="17" t="s">
        <v>9</v>
      </c>
      <c r="B6" s="17"/>
      <c r="C6" s="13">
        <v>4543</v>
      </c>
      <c r="D6" s="19">
        <v>2325</v>
      </c>
      <c r="E6" s="19">
        <v>2218</v>
      </c>
      <c r="F6" s="19"/>
      <c r="G6" s="18" t="s">
        <v>10</v>
      </c>
      <c r="H6" s="17"/>
      <c r="I6" s="13">
        <v>11944</v>
      </c>
      <c r="J6" s="19">
        <v>6228</v>
      </c>
      <c r="K6" s="19">
        <v>5716</v>
      </c>
    </row>
    <row r="7" spans="1:11" ht="15" customHeight="1">
      <c r="A7" s="17" t="s">
        <v>11</v>
      </c>
      <c r="B7" s="17"/>
      <c r="C7" s="13">
        <v>4647</v>
      </c>
      <c r="D7" s="19">
        <v>2358</v>
      </c>
      <c r="E7" s="19">
        <v>2289</v>
      </c>
      <c r="F7" s="19"/>
      <c r="G7" s="18" t="s">
        <v>12</v>
      </c>
      <c r="H7" s="17"/>
      <c r="I7" s="13">
        <v>11643</v>
      </c>
      <c r="J7" s="19">
        <v>6086</v>
      </c>
      <c r="K7" s="19">
        <v>5557</v>
      </c>
    </row>
    <row r="8" spans="1:11" ht="15" customHeight="1">
      <c r="A8" s="17" t="s">
        <v>13</v>
      </c>
      <c r="B8" s="17"/>
      <c r="C8" s="13">
        <v>4905</v>
      </c>
      <c r="D8" s="19">
        <v>2514</v>
      </c>
      <c r="E8" s="19">
        <v>2391</v>
      </c>
      <c r="F8" s="19"/>
      <c r="G8" s="18" t="s">
        <v>14</v>
      </c>
      <c r="H8" s="17"/>
      <c r="I8" s="13">
        <v>11153</v>
      </c>
      <c r="J8" s="19">
        <v>5853</v>
      </c>
      <c r="K8" s="19">
        <v>5300</v>
      </c>
    </row>
    <row r="9" spans="1:11" ht="15" customHeight="1">
      <c r="A9" s="17" t="s">
        <v>15</v>
      </c>
      <c r="B9" s="17"/>
      <c r="C9" s="13">
        <v>5020</v>
      </c>
      <c r="D9" s="19">
        <v>2517</v>
      </c>
      <c r="E9" s="19">
        <v>2503</v>
      </c>
      <c r="F9" s="19"/>
      <c r="G9" s="18" t="s">
        <v>16</v>
      </c>
      <c r="H9" s="17"/>
      <c r="I9" s="13">
        <v>11750</v>
      </c>
      <c r="J9" s="19">
        <v>6102</v>
      </c>
      <c r="K9" s="19">
        <v>5648</v>
      </c>
    </row>
    <row r="10" spans="1:11" ht="15" customHeight="1">
      <c r="A10" s="17" t="s">
        <v>17</v>
      </c>
      <c r="B10" s="17"/>
      <c r="C10" s="13">
        <v>5147</v>
      </c>
      <c r="D10" s="19">
        <v>2638</v>
      </c>
      <c r="E10" s="19">
        <v>2509</v>
      </c>
      <c r="F10" s="19"/>
      <c r="G10" s="18" t="s">
        <v>18</v>
      </c>
      <c r="H10" s="17"/>
      <c r="I10" s="13">
        <v>8499</v>
      </c>
      <c r="J10" s="19">
        <v>4390</v>
      </c>
      <c r="K10" s="19">
        <v>4109</v>
      </c>
    </row>
    <row r="11" spans="1:11" ht="20.100000000000001" customHeight="1">
      <c r="A11" s="17" t="s">
        <v>19</v>
      </c>
      <c r="B11" s="17"/>
      <c r="C11" s="13">
        <v>27948</v>
      </c>
      <c r="D11" s="14">
        <v>14438</v>
      </c>
      <c r="E11" s="14">
        <v>13510</v>
      </c>
      <c r="F11" s="14"/>
      <c r="G11" s="18" t="s">
        <v>20</v>
      </c>
      <c r="H11" s="17"/>
      <c r="I11" s="13">
        <v>46350</v>
      </c>
      <c r="J11" s="14">
        <v>24041</v>
      </c>
      <c r="K11" s="14">
        <v>22309</v>
      </c>
    </row>
    <row r="12" spans="1:11" ht="15" customHeight="1">
      <c r="A12" s="17" t="s">
        <v>21</v>
      </c>
      <c r="B12" s="17"/>
      <c r="C12" s="13">
        <v>5423</v>
      </c>
      <c r="D12" s="19">
        <v>2897</v>
      </c>
      <c r="E12" s="19">
        <v>2526</v>
      </c>
      <c r="F12" s="19"/>
      <c r="G12" s="18" t="s">
        <v>22</v>
      </c>
      <c r="H12" s="17"/>
      <c r="I12" s="13">
        <v>10749</v>
      </c>
      <c r="J12" s="19">
        <v>5649</v>
      </c>
      <c r="K12" s="19">
        <v>5100</v>
      </c>
    </row>
    <row r="13" spans="1:11" ht="15" customHeight="1">
      <c r="A13" s="17" t="s">
        <v>23</v>
      </c>
      <c r="B13" s="17"/>
      <c r="C13" s="13">
        <v>5559</v>
      </c>
      <c r="D13" s="19">
        <v>2827</v>
      </c>
      <c r="E13" s="19">
        <v>2732</v>
      </c>
      <c r="F13" s="19"/>
      <c r="G13" s="18" t="s">
        <v>24</v>
      </c>
      <c r="H13" s="17"/>
      <c r="I13" s="13">
        <v>9719</v>
      </c>
      <c r="J13" s="19">
        <v>5061</v>
      </c>
      <c r="K13" s="19">
        <v>4658</v>
      </c>
    </row>
    <row r="14" spans="1:11" ht="15" customHeight="1">
      <c r="A14" s="17" t="s">
        <v>25</v>
      </c>
      <c r="B14" s="17"/>
      <c r="C14" s="13">
        <v>5586</v>
      </c>
      <c r="D14" s="19">
        <v>2922</v>
      </c>
      <c r="E14" s="19">
        <v>2664</v>
      </c>
      <c r="F14" s="19"/>
      <c r="G14" s="18" t="s">
        <v>26</v>
      </c>
      <c r="H14" s="17"/>
      <c r="I14" s="13">
        <v>9132</v>
      </c>
      <c r="J14" s="19">
        <v>4704</v>
      </c>
      <c r="K14" s="19">
        <v>4428</v>
      </c>
    </row>
    <row r="15" spans="1:11" ht="15" customHeight="1">
      <c r="A15" s="17" t="s">
        <v>27</v>
      </c>
      <c r="B15" s="17"/>
      <c r="C15" s="13">
        <v>5665</v>
      </c>
      <c r="D15" s="19">
        <v>2861</v>
      </c>
      <c r="E15" s="19">
        <v>2804</v>
      </c>
      <c r="F15" s="19"/>
      <c r="G15" s="18" t="s">
        <v>28</v>
      </c>
      <c r="H15" s="17"/>
      <c r="I15" s="13">
        <v>8588</v>
      </c>
      <c r="J15" s="19">
        <v>4390</v>
      </c>
      <c r="K15" s="19">
        <v>4198</v>
      </c>
    </row>
    <row r="16" spans="1:11" ht="15" customHeight="1">
      <c r="A16" s="17" t="s">
        <v>29</v>
      </c>
      <c r="B16" s="17"/>
      <c r="C16" s="13">
        <v>5715</v>
      </c>
      <c r="D16" s="19">
        <v>2931</v>
      </c>
      <c r="E16" s="19">
        <v>2784</v>
      </c>
      <c r="F16" s="19"/>
      <c r="G16" s="18" t="s">
        <v>30</v>
      </c>
      <c r="H16" s="17"/>
      <c r="I16" s="13">
        <v>8162</v>
      </c>
      <c r="J16" s="19">
        <v>4237</v>
      </c>
      <c r="K16" s="19">
        <v>3925</v>
      </c>
    </row>
    <row r="17" spans="1:11" ht="20.100000000000001" customHeight="1">
      <c r="A17" s="20" t="s">
        <v>31</v>
      </c>
      <c r="B17" s="20"/>
      <c r="C17" s="13">
        <v>29978</v>
      </c>
      <c r="D17" s="14">
        <v>15333</v>
      </c>
      <c r="E17" s="14">
        <v>14645</v>
      </c>
      <c r="F17" s="14"/>
      <c r="G17" s="18" t="s">
        <v>32</v>
      </c>
      <c r="H17" s="17"/>
      <c r="I17" s="13">
        <v>38105</v>
      </c>
      <c r="J17" s="14">
        <v>19380</v>
      </c>
      <c r="K17" s="14">
        <v>18725</v>
      </c>
    </row>
    <row r="18" spans="1:11" ht="15" customHeight="1">
      <c r="A18" s="17" t="s">
        <v>33</v>
      </c>
      <c r="B18" s="17"/>
      <c r="C18" s="13">
        <v>5893</v>
      </c>
      <c r="D18" s="19">
        <v>2961</v>
      </c>
      <c r="E18" s="19">
        <v>2932</v>
      </c>
      <c r="F18" s="19"/>
      <c r="G18" s="18" t="s">
        <v>34</v>
      </c>
      <c r="H18" s="17"/>
      <c r="I18" s="13">
        <v>8085</v>
      </c>
      <c r="J18" s="19">
        <v>4084</v>
      </c>
      <c r="K18" s="19">
        <v>4001</v>
      </c>
    </row>
    <row r="19" spans="1:11" ht="15" customHeight="1">
      <c r="A19" s="17" t="s">
        <v>35</v>
      </c>
      <c r="B19" s="17"/>
      <c r="C19" s="13">
        <v>5965</v>
      </c>
      <c r="D19" s="19">
        <v>3002</v>
      </c>
      <c r="E19" s="19">
        <v>2963</v>
      </c>
      <c r="F19" s="19"/>
      <c r="G19" s="18" t="s">
        <v>36</v>
      </c>
      <c r="H19" s="17"/>
      <c r="I19" s="13">
        <v>7736</v>
      </c>
      <c r="J19" s="19">
        <v>3972</v>
      </c>
      <c r="K19" s="19">
        <v>3764</v>
      </c>
    </row>
    <row r="20" spans="1:11" ht="15" customHeight="1">
      <c r="A20" s="17" t="s">
        <v>37</v>
      </c>
      <c r="B20" s="17"/>
      <c r="C20" s="13">
        <v>5961</v>
      </c>
      <c r="D20" s="19">
        <v>3084</v>
      </c>
      <c r="E20" s="19">
        <v>2877</v>
      </c>
      <c r="F20" s="19"/>
      <c r="G20" s="18" t="s">
        <v>38</v>
      </c>
      <c r="H20" s="17"/>
      <c r="I20" s="13">
        <v>7612</v>
      </c>
      <c r="J20" s="19">
        <v>3888</v>
      </c>
      <c r="K20" s="19">
        <v>3724</v>
      </c>
    </row>
    <row r="21" spans="1:11" ht="15" customHeight="1">
      <c r="A21" s="17" t="s">
        <v>39</v>
      </c>
      <c r="B21" s="17"/>
      <c r="C21" s="13">
        <v>6089</v>
      </c>
      <c r="D21" s="19">
        <v>3155</v>
      </c>
      <c r="E21" s="19">
        <v>2934</v>
      </c>
      <c r="F21" s="19"/>
      <c r="G21" s="18" t="s">
        <v>40</v>
      </c>
      <c r="H21" s="17"/>
      <c r="I21" s="13">
        <v>7200</v>
      </c>
      <c r="J21" s="19">
        <v>3657</v>
      </c>
      <c r="K21" s="19">
        <v>3543</v>
      </c>
    </row>
    <row r="22" spans="1:11" ht="15" customHeight="1">
      <c r="A22" s="17" t="s">
        <v>41</v>
      </c>
      <c r="B22" s="17"/>
      <c r="C22" s="13">
        <v>6070</v>
      </c>
      <c r="D22" s="19">
        <v>3131</v>
      </c>
      <c r="E22" s="19">
        <v>2939</v>
      </c>
      <c r="F22" s="19"/>
      <c r="G22" s="18" t="s">
        <v>42</v>
      </c>
      <c r="H22" s="17"/>
      <c r="I22" s="13">
        <v>7472</v>
      </c>
      <c r="J22" s="19">
        <v>3779</v>
      </c>
      <c r="K22" s="19">
        <v>3693</v>
      </c>
    </row>
    <row r="23" spans="1:11" ht="20.100000000000001" customHeight="1">
      <c r="A23" s="17" t="s">
        <v>43</v>
      </c>
      <c r="B23" s="17"/>
      <c r="C23" s="13">
        <v>31985</v>
      </c>
      <c r="D23" s="14">
        <v>16203</v>
      </c>
      <c r="E23" s="14">
        <v>15782</v>
      </c>
      <c r="F23" s="14"/>
      <c r="G23" s="18" t="s">
        <v>44</v>
      </c>
      <c r="H23" s="17"/>
      <c r="I23" s="13">
        <v>41164</v>
      </c>
      <c r="J23" s="14">
        <v>20275</v>
      </c>
      <c r="K23" s="14">
        <v>20889</v>
      </c>
    </row>
    <row r="24" spans="1:11" ht="15" customHeight="1">
      <c r="A24" s="17" t="s">
        <v>45</v>
      </c>
      <c r="B24" s="17"/>
      <c r="C24" s="13">
        <v>5923</v>
      </c>
      <c r="D24" s="19">
        <v>2951</v>
      </c>
      <c r="E24" s="19">
        <v>2972</v>
      </c>
      <c r="F24" s="19"/>
      <c r="G24" s="18" t="s">
        <v>46</v>
      </c>
      <c r="H24" s="17"/>
      <c r="I24" s="13">
        <v>7657</v>
      </c>
      <c r="J24" s="19">
        <v>3941</v>
      </c>
      <c r="K24" s="19">
        <v>3716</v>
      </c>
    </row>
    <row r="25" spans="1:11" ht="15" customHeight="1">
      <c r="A25" s="17" t="s">
        <v>47</v>
      </c>
      <c r="B25" s="17"/>
      <c r="C25" s="13">
        <v>5880</v>
      </c>
      <c r="D25" s="19">
        <v>3017</v>
      </c>
      <c r="E25" s="19">
        <v>2863</v>
      </c>
      <c r="F25" s="19"/>
      <c r="G25" s="18" t="s">
        <v>48</v>
      </c>
      <c r="H25" s="17"/>
      <c r="I25" s="13">
        <v>7750</v>
      </c>
      <c r="J25" s="19">
        <v>3774</v>
      </c>
      <c r="K25" s="19">
        <v>3976</v>
      </c>
    </row>
    <row r="26" spans="1:11" ht="15" customHeight="1">
      <c r="A26" s="17" t="s">
        <v>49</v>
      </c>
      <c r="B26" s="17"/>
      <c r="C26" s="13">
        <v>6160</v>
      </c>
      <c r="D26" s="19">
        <v>3204</v>
      </c>
      <c r="E26" s="19">
        <v>2956</v>
      </c>
      <c r="F26" s="19"/>
      <c r="G26" s="18" t="s">
        <v>50</v>
      </c>
      <c r="H26" s="17"/>
      <c r="I26" s="13">
        <v>7924</v>
      </c>
      <c r="J26" s="19">
        <v>3887</v>
      </c>
      <c r="K26" s="19">
        <v>4037</v>
      </c>
    </row>
    <row r="27" spans="1:11" ht="15" customHeight="1">
      <c r="A27" s="17" t="s">
        <v>51</v>
      </c>
      <c r="B27" s="17"/>
      <c r="C27" s="13">
        <v>6434</v>
      </c>
      <c r="D27" s="19">
        <v>3297</v>
      </c>
      <c r="E27" s="19">
        <v>3137</v>
      </c>
      <c r="F27" s="19"/>
      <c r="G27" s="18" t="s">
        <v>52</v>
      </c>
      <c r="H27" s="17"/>
      <c r="I27" s="13">
        <v>8692</v>
      </c>
      <c r="J27" s="19">
        <v>4176</v>
      </c>
      <c r="K27" s="19">
        <v>4516</v>
      </c>
    </row>
    <row r="28" spans="1:11" ht="15" customHeight="1">
      <c r="A28" s="17" t="s">
        <v>53</v>
      </c>
      <c r="B28" s="17"/>
      <c r="C28" s="13">
        <v>7588</v>
      </c>
      <c r="D28" s="19">
        <v>3734</v>
      </c>
      <c r="E28" s="19">
        <v>3854</v>
      </c>
      <c r="F28" s="19"/>
      <c r="G28" s="18" t="s">
        <v>54</v>
      </c>
      <c r="H28" s="17"/>
      <c r="I28" s="13">
        <v>9141</v>
      </c>
      <c r="J28" s="19">
        <v>4497</v>
      </c>
      <c r="K28" s="19">
        <v>4644</v>
      </c>
    </row>
    <row r="29" spans="1:11" ht="20.100000000000001" customHeight="1">
      <c r="A29" s="17" t="s">
        <v>55</v>
      </c>
      <c r="B29" s="17"/>
      <c r="C29" s="13">
        <v>39984</v>
      </c>
      <c r="D29" s="14">
        <v>19920</v>
      </c>
      <c r="E29" s="14">
        <v>20064</v>
      </c>
      <c r="F29" s="14"/>
      <c r="G29" s="18" t="s">
        <v>56</v>
      </c>
      <c r="H29" s="17"/>
      <c r="I29" s="13">
        <v>49645</v>
      </c>
      <c r="J29" s="14">
        <v>23097</v>
      </c>
      <c r="K29" s="14">
        <v>26548</v>
      </c>
    </row>
    <row r="30" spans="1:11" ht="15" customHeight="1">
      <c r="A30" s="17" t="s">
        <v>57</v>
      </c>
      <c r="B30" s="17"/>
      <c r="C30" s="13">
        <v>8035</v>
      </c>
      <c r="D30" s="19">
        <v>3901</v>
      </c>
      <c r="E30" s="19">
        <v>4134</v>
      </c>
      <c r="F30" s="19"/>
      <c r="G30" s="18" t="s">
        <v>58</v>
      </c>
      <c r="H30" s="17"/>
      <c r="I30" s="13">
        <v>9687</v>
      </c>
      <c r="J30" s="19">
        <v>4565</v>
      </c>
      <c r="K30" s="19">
        <v>5122</v>
      </c>
    </row>
    <row r="31" spans="1:11" ht="15" customHeight="1">
      <c r="A31" s="17" t="s">
        <v>59</v>
      </c>
      <c r="B31" s="17"/>
      <c r="C31" s="13">
        <v>8078</v>
      </c>
      <c r="D31" s="19">
        <v>4011</v>
      </c>
      <c r="E31" s="19">
        <v>4067</v>
      </c>
      <c r="F31" s="19"/>
      <c r="G31" s="18" t="s">
        <v>60</v>
      </c>
      <c r="H31" s="17"/>
      <c r="I31" s="13">
        <v>11031</v>
      </c>
      <c r="J31" s="19">
        <v>5225</v>
      </c>
      <c r="K31" s="19">
        <v>5806</v>
      </c>
    </row>
    <row r="32" spans="1:11" ht="15" customHeight="1">
      <c r="A32" s="17" t="s">
        <v>61</v>
      </c>
      <c r="B32" s="17"/>
      <c r="C32" s="13">
        <v>8304</v>
      </c>
      <c r="D32" s="19">
        <v>4100</v>
      </c>
      <c r="E32" s="19">
        <v>4204</v>
      </c>
      <c r="F32" s="19"/>
      <c r="G32" s="18" t="s">
        <v>62</v>
      </c>
      <c r="H32" s="17"/>
      <c r="I32" s="13">
        <v>10837</v>
      </c>
      <c r="J32" s="19">
        <v>4979</v>
      </c>
      <c r="K32" s="19">
        <v>5858</v>
      </c>
    </row>
    <row r="33" spans="1:11" ht="15" customHeight="1">
      <c r="A33" s="17" t="s">
        <v>63</v>
      </c>
      <c r="B33" s="17"/>
      <c r="C33" s="13">
        <v>7926</v>
      </c>
      <c r="D33" s="19">
        <v>4080</v>
      </c>
      <c r="E33" s="19">
        <v>3846</v>
      </c>
      <c r="F33" s="19"/>
      <c r="G33" s="18" t="s">
        <v>64</v>
      </c>
      <c r="H33" s="17"/>
      <c r="I33" s="13">
        <v>10652</v>
      </c>
      <c r="J33" s="19">
        <v>4927</v>
      </c>
      <c r="K33" s="19">
        <v>5725</v>
      </c>
    </row>
    <row r="34" spans="1:11" ht="15" customHeight="1">
      <c r="A34" s="17" t="s">
        <v>65</v>
      </c>
      <c r="B34" s="17"/>
      <c r="C34" s="13">
        <v>7641</v>
      </c>
      <c r="D34" s="19">
        <v>3828</v>
      </c>
      <c r="E34" s="19">
        <v>3813</v>
      </c>
      <c r="F34" s="19"/>
      <c r="G34" s="18" t="s">
        <v>66</v>
      </c>
      <c r="H34" s="17"/>
      <c r="I34" s="13">
        <v>7438</v>
      </c>
      <c r="J34" s="19">
        <v>3401</v>
      </c>
      <c r="K34" s="19">
        <v>4037</v>
      </c>
    </row>
    <row r="35" spans="1:11" ht="20.100000000000001" customHeight="1">
      <c r="A35" s="17" t="s">
        <v>67</v>
      </c>
      <c r="B35" s="17"/>
      <c r="C35" s="13">
        <v>36994</v>
      </c>
      <c r="D35" s="14">
        <v>18905</v>
      </c>
      <c r="E35" s="14">
        <v>18089</v>
      </c>
      <c r="F35" s="14"/>
      <c r="G35" s="18" t="s">
        <v>68</v>
      </c>
      <c r="H35" s="17"/>
      <c r="I35" s="13">
        <v>40303</v>
      </c>
      <c r="J35" s="14">
        <v>18401</v>
      </c>
      <c r="K35" s="14">
        <v>21902</v>
      </c>
    </row>
    <row r="36" spans="1:11" ht="15" customHeight="1">
      <c r="A36" s="17" t="s">
        <v>69</v>
      </c>
      <c r="B36" s="17"/>
      <c r="C36" s="13">
        <v>7471</v>
      </c>
      <c r="D36" s="19">
        <v>3676</v>
      </c>
      <c r="E36" s="19">
        <v>3795</v>
      </c>
      <c r="F36" s="19"/>
      <c r="G36" s="18" t="s">
        <v>70</v>
      </c>
      <c r="H36" s="17"/>
      <c r="I36" s="13">
        <v>6780</v>
      </c>
      <c r="J36" s="19">
        <v>3075</v>
      </c>
      <c r="K36" s="19">
        <v>3705</v>
      </c>
    </row>
    <row r="37" spans="1:11" ht="15" customHeight="1">
      <c r="A37" s="17" t="s">
        <v>71</v>
      </c>
      <c r="B37" s="17"/>
      <c r="C37" s="13">
        <v>7712</v>
      </c>
      <c r="D37" s="19">
        <v>3964</v>
      </c>
      <c r="E37" s="19">
        <v>3748</v>
      </c>
      <c r="F37" s="19"/>
      <c r="G37" s="18" t="s">
        <v>72</v>
      </c>
      <c r="H37" s="17"/>
      <c r="I37" s="13">
        <v>8515</v>
      </c>
      <c r="J37" s="19">
        <v>3837</v>
      </c>
      <c r="K37" s="19">
        <v>4678</v>
      </c>
    </row>
    <row r="38" spans="1:11" ht="15" customHeight="1">
      <c r="A38" s="17" t="s">
        <v>73</v>
      </c>
      <c r="B38" s="17"/>
      <c r="C38" s="13">
        <v>7206</v>
      </c>
      <c r="D38" s="19">
        <v>3658</v>
      </c>
      <c r="E38" s="19">
        <v>3548</v>
      </c>
      <c r="F38" s="19"/>
      <c r="G38" s="18" t="s">
        <v>74</v>
      </c>
      <c r="H38" s="17"/>
      <c r="I38" s="13">
        <v>8761</v>
      </c>
      <c r="J38" s="19">
        <v>4005</v>
      </c>
      <c r="K38" s="19">
        <v>4756</v>
      </c>
    </row>
    <row r="39" spans="1:11" ht="15" customHeight="1">
      <c r="A39" s="17" t="s">
        <v>75</v>
      </c>
      <c r="B39" s="17"/>
      <c r="C39" s="13">
        <v>7430</v>
      </c>
      <c r="D39" s="19">
        <v>3886</v>
      </c>
      <c r="E39" s="19">
        <v>3544</v>
      </c>
      <c r="F39" s="19"/>
      <c r="G39" s="18" t="s">
        <v>76</v>
      </c>
      <c r="H39" s="17"/>
      <c r="I39" s="13">
        <v>8162</v>
      </c>
      <c r="J39" s="19">
        <v>3749</v>
      </c>
      <c r="K39" s="19">
        <v>4413</v>
      </c>
    </row>
    <row r="40" spans="1:11" ht="15" customHeight="1">
      <c r="A40" s="17" t="s">
        <v>77</v>
      </c>
      <c r="B40" s="17"/>
      <c r="C40" s="13">
        <v>7175</v>
      </c>
      <c r="D40" s="19">
        <v>3721</v>
      </c>
      <c r="E40" s="19">
        <v>3454</v>
      </c>
      <c r="F40" s="19"/>
      <c r="G40" s="18" t="s">
        <v>78</v>
      </c>
      <c r="H40" s="17"/>
      <c r="I40" s="13">
        <v>8085</v>
      </c>
      <c r="J40" s="19">
        <v>3735</v>
      </c>
      <c r="K40" s="19">
        <v>4350</v>
      </c>
    </row>
    <row r="41" spans="1:11" ht="20.100000000000001" customHeight="1">
      <c r="A41" s="17" t="s">
        <v>79</v>
      </c>
      <c r="B41" s="17"/>
      <c r="C41" s="13">
        <v>37044</v>
      </c>
      <c r="D41" s="14">
        <v>19391</v>
      </c>
      <c r="E41" s="14">
        <v>17653</v>
      </c>
      <c r="F41" s="14"/>
      <c r="G41" s="18" t="s">
        <v>80</v>
      </c>
      <c r="H41" s="17"/>
      <c r="I41" s="13">
        <v>28845</v>
      </c>
      <c r="J41" s="14">
        <v>13108</v>
      </c>
      <c r="K41" s="14">
        <v>15737</v>
      </c>
    </row>
    <row r="42" spans="1:11" ht="15" customHeight="1">
      <c r="A42" s="17" t="s">
        <v>81</v>
      </c>
      <c r="B42" s="17"/>
      <c r="C42" s="13">
        <v>7168</v>
      </c>
      <c r="D42" s="19">
        <v>3783</v>
      </c>
      <c r="E42" s="19">
        <v>3385</v>
      </c>
      <c r="F42" s="19"/>
      <c r="G42" s="18" t="s">
        <v>82</v>
      </c>
      <c r="H42" s="17"/>
      <c r="I42" s="13">
        <v>7169</v>
      </c>
      <c r="J42" s="19">
        <v>3253</v>
      </c>
      <c r="K42" s="19">
        <v>3916</v>
      </c>
    </row>
    <row r="43" spans="1:11" ht="15" customHeight="1">
      <c r="A43" s="17" t="s">
        <v>83</v>
      </c>
      <c r="B43" s="17"/>
      <c r="C43" s="13">
        <v>7321</v>
      </c>
      <c r="D43" s="19">
        <v>3812</v>
      </c>
      <c r="E43" s="19">
        <v>3509</v>
      </c>
      <c r="F43" s="19"/>
      <c r="G43" s="18" t="s">
        <v>84</v>
      </c>
      <c r="H43" s="17"/>
      <c r="I43" s="13">
        <v>5854</v>
      </c>
      <c r="J43" s="19">
        <v>2676</v>
      </c>
      <c r="K43" s="19">
        <v>3178</v>
      </c>
    </row>
    <row r="44" spans="1:11" ht="15" customHeight="1">
      <c r="A44" s="17" t="s">
        <v>85</v>
      </c>
      <c r="B44" s="17"/>
      <c r="C44" s="13">
        <v>7550</v>
      </c>
      <c r="D44" s="19">
        <v>3869</v>
      </c>
      <c r="E44" s="19">
        <v>3681</v>
      </c>
      <c r="F44" s="19"/>
      <c r="G44" s="18" t="s">
        <v>86</v>
      </c>
      <c r="H44" s="17"/>
      <c r="I44" s="13">
        <v>5557</v>
      </c>
      <c r="J44" s="19">
        <v>2596</v>
      </c>
      <c r="K44" s="19">
        <v>2961</v>
      </c>
    </row>
    <row r="45" spans="1:11" ht="15" customHeight="1">
      <c r="A45" s="17" t="s">
        <v>87</v>
      </c>
      <c r="B45" s="17"/>
      <c r="C45" s="13">
        <v>7302</v>
      </c>
      <c r="D45" s="19">
        <v>3872</v>
      </c>
      <c r="E45" s="19">
        <v>3430</v>
      </c>
      <c r="F45" s="19"/>
      <c r="G45" s="18" t="s">
        <v>88</v>
      </c>
      <c r="H45" s="17"/>
      <c r="I45" s="13">
        <v>5469</v>
      </c>
      <c r="J45" s="19">
        <v>2502</v>
      </c>
      <c r="K45" s="19">
        <v>2967</v>
      </c>
    </row>
    <row r="46" spans="1:11" ht="15" customHeight="1">
      <c r="A46" s="17" t="s">
        <v>89</v>
      </c>
      <c r="B46" s="17"/>
      <c r="C46" s="13">
        <v>7703</v>
      </c>
      <c r="D46" s="19">
        <v>4055</v>
      </c>
      <c r="E46" s="19">
        <v>3648</v>
      </c>
      <c r="F46" s="19"/>
      <c r="G46" s="18" t="s">
        <v>90</v>
      </c>
      <c r="H46" s="17"/>
      <c r="I46" s="13">
        <v>4796</v>
      </c>
      <c r="J46" s="19">
        <v>2081</v>
      </c>
      <c r="K46" s="19">
        <v>2715</v>
      </c>
    </row>
    <row r="47" spans="1:11" ht="20.100000000000001" customHeight="1">
      <c r="A47" s="17" t="s">
        <v>91</v>
      </c>
      <c r="B47" s="17"/>
      <c r="C47" s="13">
        <v>42034</v>
      </c>
      <c r="D47" s="14">
        <v>21829</v>
      </c>
      <c r="E47" s="14">
        <v>20205</v>
      </c>
      <c r="F47" s="14"/>
      <c r="G47" s="18" t="s">
        <v>92</v>
      </c>
      <c r="H47" s="17"/>
      <c r="I47" s="13">
        <v>16471</v>
      </c>
      <c r="J47" s="14">
        <v>6394</v>
      </c>
      <c r="K47" s="14">
        <v>10077</v>
      </c>
    </row>
    <row r="48" spans="1:11" ht="15" customHeight="1">
      <c r="A48" s="17" t="s">
        <v>93</v>
      </c>
      <c r="B48" s="17"/>
      <c r="C48" s="13">
        <v>7905</v>
      </c>
      <c r="D48" s="19">
        <v>4099</v>
      </c>
      <c r="E48" s="19">
        <v>3806</v>
      </c>
      <c r="F48" s="19"/>
      <c r="G48" s="18" t="s">
        <v>94</v>
      </c>
      <c r="H48" s="17"/>
      <c r="I48" s="13">
        <v>4403</v>
      </c>
      <c r="J48" s="19">
        <v>1847</v>
      </c>
      <c r="K48" s="19">
        <v>2556</v>
      </c>
    </row>
    <row r="49" spans="1:11" ht="15" customHeight="1">
      <c r="A49" s="17" t="s">
        <v>95</v>
      </c>
      <c r="B49" s="17"/>
      <c r="C49" s="13">
        <v>8303</v>
      </c>
      <c r="D49" s="19">
        <v>4327</v>
      </c>
      <c r="E49" s="19">
        <v>3976</v>
      </c>
      <c r="F49" s="19"/>
      <c r="G49" s="18" t="s">
        <v>96</v>
      </c>
      <c r="H49" s="17"/>
      <c r="I49" s="13">
        <v>3519</v>
      </c>
      <c r="J49" s="19">
        <v>1434</v>
      </c>
      <c r="K49" s="19">
        <v>2085</v>
      </c>
    </row>
    <row r="50" spans="1:11" ht="15" customHeight="1">
      <c r="A50" s="17" t="s">
        <v>97</v>
      </c>
      <c r="B50" s="17"/>
      <c r="C50" s="13">
        <v>8534</v>
      </c>
      <c r="D50" s="19">
        <v>4394</v>
      </c>
      <c r="E50" s="19">
        <v>4140</v>
      </c>
      <c r="F50" s="19"/>
      <c r="G50" s="18" t="s">
        <v>98</v>
      </c>
      <c r="H50" s="17"/>
      <c r="I50" s="13">
        <v>3268</v>
      </c>
      <c r="J50" s="19">
        <v>1198</v>
      </c>
      <c r="K50" s="19">
        <v>2070</v>
      </c>
    </row>
    <row r="51" spans="1:11" ht="15" customHeight="1">
      <c r="A51" s="17" t="s">
        <v>99</v>
      </c>
      <c r="B51" s="17"/>
      <c r="C51" s="13">
        <v>8505</v>
      </c>
      <c r="D51" s="19">
        <v>4423</v>
      </c>
      <c r="E51" s="19">
        <v>4082</v>
      </c>
      <c r="F51" s="19"/>
      <c r="G51" s="18" t="s">
        <v>100</v>
      </c>
      <c r="H51" s="17"/>
      <c r="I51" s="13">
        <v>2901</v>
      </c>
      <c r="J51" s="19">
        <v>1064</v>
      </c>
      <c r="K51" s="19">
        <v>1837</v>
      </c>
    </row>
    <row r="52" spans="1:11" ht="15" customHeight="1">
      <c r="A52" s="17" t="s">
        <v>101</v>
      </c>
      <c r="B52" s="17"/>
      <c r="C52" s="13">
        <v>8787</v>
      </c>
      <c r="D52" s="19">
        <v>4586</v>
      </c>
      <c r="E52" s="19">
        <v>4201</v>
      </c>
      <c r="F52" s="19"/>
      <c r="G52" s="18" t="s">
        <v>102</v>
      </c>
      <c r="H52" s="17"/>
      <c r="I52" s="13">
        <v>2380</v>
      </c>
      <c r="J52" s="19">
        <v>851</v>
      </c>
      <c r="K52" s="19">
        <v>1529</v>
      </c>
    </row>
    <row r="53" spans="1:11" ht="20.100000000000001" customHeight="1">
      <c r="A53" s="17" t="s">
        <v>103</v>
      </c>
      <c r="B53" s="17"/>
      <c r="C53" s="13">
        <v>48734</v>
      </c>
      <c r="D53" s="14">
        <v>25441</v>
      </c>
      <c r="E53" s="14">
        <v>23293</v>
      </c>
      <c r="F53" s="14"/>
      <c r="G53" s="18" t="s">
        <v>104</v>
      </c>
      <c r="H53" s="17"/>
      <c r="I53" s="13">
        <v>7122</v>
      </c>
      <c r="J53" s="14">
        <v>2153</v>
      </c>
      <c r="K53" s="14">
        <v>4969</v>
      </c>
    </row>
    <row r="54" spans="1:11" ht="15" customHeight="1">
      <c r="A54" s="17" t="s">
        <v>105</v>
      </c>
      <c r="B54" s="17"/>
      <c r="C54" s="13">
        <v>8991</v>
      </c>
      <c r="D54" s="19">
        <v>4700</v>
      </c>
      <c r="E54" s="19">
        <v>4291</v>
      </c>
      <c r="F54" s="19"/>
      <c r="G54" s="18" t="s">
        <v>106</v>
      </c>
      <c r="H54" s="17"/>
      <c r="I54" s="13">
        <v>2199</v>
      </c>
      <c r="J54" s="19">
        <v>736</v>
      </c>
      <c r="K54" s="19">
        <v>1463</v>
      </c>
    </row>
    <row r="55" spans="1:11" ht="15" customHeight="1">
      <c r="A55" s="17" t="s">
        <v>107</v>
      </c>
      <c r="B55" s="17"/>
      <c r="C55" s="13">
        <v>9331</v>
      </c>
      <c r="D55" s="19">
        <v>4842</v>
      </c>
      <c r="E55" s="19">
        <v>4489</v>
      </c>
      <c r="F55" s="19"/>
      <c r="G55" s="18" t="s">
        <v>108</v>
      </c>
      <c r="H55" s="17"/>
      <c r="I55" s="13">
        <v>1704</v>
      </c>
      <c r="J55" s="19">
        <v>529</v>
      </c>
      <c r="K55" s="19">
        <v>1175</v>
      </c>
    </row>
    <row r="56" spans="1:11" ht="15" customHeight="1">
      <c r="A56" s="17" t="s">
        <v>109</v>
      </c>
      <c r="B56" s="17"/>
      <c r="C56" s="13">
        <v>9819</v>
      </c>
      <c r="D56" s="19">
        <v>5052</v>
      </c>
      <c r="E56" s="19">
        <v>4767</v>
      </c>
      <c r="F56" s="19"/>
      <c r="G56" s="18" t="s">
        <v>110</v>
      </c>
      <c r="H56" s="17"/>
      <c r="I56" s="13">
        <v>1406</v>
      </c>
      <c r="J56" s="19">
        <v>405</v>
      </c>
      <c r="K56" s="19">
        <v>1001</v>
      </c>
    </row>
    <row r="57" spans="1:11" ht="15" customHeight="1">
      <c r="A57" s="17" t="s">
        <v>111</v>
      </c>
      <c r="B57" s="17"/>
      <c r="C57" s="13">
        <v>10107</v>
      </c>
      <c r="D57" s="19">
        <v>5239</v>
      </c>
      <c r="E57" s="19">
        <v>4868</v>
      </c>
      <c r="F57" s="19"/>
      <c r="G57" s="18" t="s">
        <v>112</v>
      </c>
      <c r="H57" s="17"/>
      <c r="I57" s="13">
        <v>1022</v>
      </c>
      <c r="J57" s="19">
        <v>283</v>
      </c>
      <c r="K57" s="19">
        <v>739</v>
      </c>
    </row>
    <row r="58" spans="1:11" ht="15" customHeight="1">
      <c r="A58" s="17" t="s">
        <v>113</v>
      </c>
      <c r="B58" s="17"/>
      <c r="C58" s="13">
        <v>10486</v>
      </c>
      <c r="D58" s="19">
        <v>5608</v>
      </c>
      <c r="E58" s="19">
        <v>4878</v>
      </c>
      <c r="F58" s="19"/>
      <c r="G58" s="18" t="s">
        <v>114</v>
      </c>
      <c r="H58" s="17"/>
      <c r="I58" s="13">
        <v>791</v>
      </c>
      <c r="J58" s="19">
        <v>200</v>
      </c>
      <c r="K58" s="19">
        <v>591</v>
      </c>
    </row>
    <row r="59" spans="1:11" ht="20.100000000000001" customHeight="1">
      <c r="A59" s="17" t="s">
        <v>115</v>
      </c>
      <c r="B59" s="17"/>
      <c r="C59" s="13">
        <v>59521</v>
      </c>
      <c r="D59" s="14">
        <v>30914</v>
      </c>
      <c r="E59" s="14">
        <v>28607</v>
      </c>
      <c r="F59" s="14"/>
      <c r="G59" s="18" t="s">
        <v>116</v>
      </c>
      <c r="H59" s="17"/>
      <c r="I59" s="13">
        <v>1880</v>
      </c>
      <c r="J59" s="14">
        <v>356</v>
      </c>
      <c r="K59" s="14">
        <v>1524</v>
      </c>
    </row>
    <row r="60" spans="1:11" ht="15" customHeight="1">
      <c r="A60" s="17" t="s">
        <v>117</v>
      </c>
      <c r="B60" s="17"/>
      <c r="C60" s="13">
        <v>10777</v>
      </c>
      <c r="D60" s="19">
        <v>5545</v>
      </c>
      <c r="E60" s="19">
        <v>5232</v>
      </c>
      <c r="F60" s="19"/>
      <c r="G60" s="18" t="s">
        <v>118</v>
      </c>
      <c r="H60" s="17"/>
      <c r="I60" s="13">
        <v>631</v>
      </c>
      <c r="J60" s="19">
        <v>150</v>
      </c>
      <c r="K60" s="19">
        <v>481</v>
      </c>
    </row>
    <row r="61" spans="1:11" ht="15" customHeight="1">
      <c r="A61" s="17" t="s">
        <v>119</v>
      </c>
      <c r="B61" s="17"/>
      <c r="C61" s="13">
        <v>11782</v>
      </c>
      <c r="D61" s="19">
        <v>6216</v>
      </c>
      <c r="E61" s="19">
        <v>5566</v>
      </c>
      <c r="F61" s="19"/>
      <c r="G61" s="18" t="s">
        <v>120</v>
      </c>
      <c r="H61" s="17"/>
      <c r="I61" s="13">
        <v>454</v>
      </c>
      <c r="J61" s="19">
        <v>87</v>
      </c>
      <c r="K61" s="19">
        <v>367</v>
      </c>
    </row>
    <row r="62" spans="1:11" ht="15" customHeight="1">
      <c r="A62" s="17" t="s">
        <v>121</v>
      </c>
      <c r="B62" s="17"/>
      <c r="C62" s="13">
        <v>12418</v>
      </c>
      <c r="D62" s="19">
        <v>6432</v>
      </c>
      <c r="E62" s="19">
        <v>5986</v>
      </c>
      <c r="F62" s="19"/>
      <c r="G62" s="18" t="s">
        <v>122</v>
      </c>
      <c r="H62" s="17"/>
      <c r="I62" s="13">
        <v>369</v>
      </c>
      <c r="J62" s="19">
        <v>66</v>
      </c>
      <c r="K62" s="19">
        <v>303</v>
      </c>
    </row>
    <row r="63" spans="1:11" ht="15" customHeight="1">
      <c r="A63" s="17" t="s">
        <v>123</v>
      </c>
      <c r="B63" s="17"/>
      <c r="C63" s="13">
        <v>12255</v>
      </c>
      <c r="D63" s="19">
        <v>6340</v>
      </c>
      <c r="E63" s="19">
        <v>5915</v>
      </c>
      <c r="F63" s="19"/>
      <c r="G63" s="18" t="s">
        <v>124</v>
      </c>
      <c r="H63" s="17"/>
      <c r="I63" s="13">
        <v>245</v>
      </c>
      <c r="J63" s="19">
        <v>31</v>
      </c>
      <c r="K63" s="19">
        <v>214</v>
      </c>
    </row>
    <row r="64" spans="1:11" ht="15" customHeight="1">
      <c r="A64" s="17" t="s">
        <v>125</v>
      </c>
      <c r="B64" s="17"/>
      <c r="C64" s="13">
        <v>12289</v>
      </c>
      <c r="D64" s="19">
        <v>6381</v>
      </c>
      <c r="E64" s="19">
        <v>5908</v>
      </c>
      <c r="F64" s="19"/>
      <c r="G64" s="18" t="s">
        <v>126</v>
      </c>
      <c r="H64" s="17"/>
      <c r="I64" s="13">
        <v>181</v>
      </c>
      <c r="J64" s="19">
        <v>22</v>
      </c>
      <c r="K64" s="19">
        <v>15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91</v>
      </c>
      <c r="J65" s="19">
        <v>42</v>
      </c>
      <c r="K65" s="19">
        <v>24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1865</v>
      </c>
      <c r="J66" s="29">
        <v>11547</v>
      </c>
      <c r="K66" s="29">
        <v>10318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1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0019</v>
      </c>
      <c r="D4" s="14">
        <v>85511</v>
      </c>
      <c r="E4" s="14">
        <v>8450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206</v>
      </c>
      <c r="D5" s="14">
        <v>2630</v>
      </c>
      <c r="E5" s="14">
        <v>2576</v>
      </c>
      <c r="F5" s="14"/>
      <c r="G5" s="18" t="s">
        <v>8</v>
      </c>
      <c r="H5" s="17"/>
      <c r="I5" s="13">
        <v>12121</v>
      </c>
      <c r="J5" s="14">
        <v>6321</v>
      </c>
      <c r="K5" s="14">
        <v>5800</v>
      </c>
    </row>
    <row r="6" spans="1:11" ht="15" customHeight="1">
      <c r="A6" s="17" t="s">
        <v>9</v>
      </c>
      <c r="B6" s="17"/>
      <c r="C6" s="13">
        <v>941</v>
      </c>
      <c r="D6" s="19">
        <v>495</v>
      </c>
      <c r="E6" s="19">
        <v>446</v>
      </c>
      <c r="F6" s="19"/>
      <c r="G6" s="18" t="s">
        <v>10</v>
      </c>
      <c r="H6" s="17"/>
      <c r="I6" s="13">
        <v>2690</v>
      </c>
      <c r="J6" s="19">
        <v>1451</v>
      </c>
      <c r="K6" s="19">
        <v>1239</v>
      </c>
    </row>
    <row r="7" spans="1:11" ht="15" customHeight="1">
      <c r="A7" s="17" t="s">
        <v>11</v>
      </c>
      <c r="B7" s="17"/>
      <c r="C7" s="13">
        <v>953</v>
      </c>
      <c r="D7" s="19">
        <v>457</v>
      </c>
      <c r="E7" s="19">
        <v>496</v>
      </c>
      <c r="F7" s="19"/>
      <c r="G7" s="18" t="s">
        <v>12</v>
      </c>
      <c r="H7" s="17"/>
      <c r="I7" s="13">
        <v>2566</v>
      </c>
      <c r="J7" s="19">
        <v>1319</v>
      </c>
      <c r="K7" s="19">
        <v>1247</v>
      </c>
    </row>
    <row r="8" spans="1:11" ht="15" customHeight="1">
      <c r="A8" s="17" t="s">
        <v>13</v>
      </c>
      <c r="B8" s="17"/>
      <c r="C8" s="13">
        <v>1057</v>
      </c>
      <c r="D8" s="19">
        <v>534</v>
      </c>
      <c r="E8" s="19">
        <v>523</v>
      </c>
      <c r="F8" s="19"/>
      <c r="G8" s="18" t="s">
        <v>14</v>
      </c>
      <c r="H8" s="17"/>
      <c r="I8" s="13">
        <v>2380</v>
      </c>
      <c r="J8" s="19">
        <v>1214</v>
      </c>
      <c r="K8" s="19">
        <v>1166</v>
      </c>
    </row>
    <row r="9" spans="1:11" ht="15" customHeight="1">
      <c r="A9" s="17" t="s">
        <v>15</v>
      </c>
      <c r="B9" s="17"/>
      <c r="C9" s="13">
        <v>1117</v>
      </c>
      <c r="D9" s="19">
        <v>562</v>
      </c>
      <c r="E9" s="19">
        <v>555</v>
      </c>
      <c r="F9" s="19"/>
      <c r="G9" s="18" t="s">
        <v>16</v>
      </c>
      <c r="H9" s="17"/>
      <c r="I9" s="13">
        <v>2631</v>
      </c>
      <c r="J9" s="19">
        <v>1377</v>
      </c>
      <c r="K9" s="19">
        <v>1254</v>
      </c>
    </row>
    <row r="10" spans="1:11" ht="15" customHeight="1">
      <c r="A10" s="17" t="s">
        <v>17</v>
      </c>
      <c r="B10" s="17"/>
      <c r="C10" s="13">
        <v>1138</v>
      </c>
      <c r="D10" s="19">
        <v>582</v>
      </c>
      <c r="E10" s="19">
        <v>556</v>
      </c>
      <c r="F10" s="19"/>
      <c r="G10" s="18" t="s">
        <v>18</v>
      </c>
      <c r="H10" s="17"/>
      <c r="I10" s="13">
        <v>1854</v>
      </c>
      <c r="J10" s="19">
        <v>960</v>
      </c>
      <c r="K10" s="19">
        <v>894</v>
      </c>
    </row>
    <row r="11" spans="1:11" ht="20.100000000000001" customHeight="1">
      <c r="A11" s="17" t="s">
        <v>19</v>
      </c>
      <c r="B11" s="17"/>
      <c r="C11" s="13">
        <v>6382</v>
      </c>
      <c r="D11" s="14">
        <v>3242</v>
      </c>
      <c r="E11" s="14">
        <v>3140</v>
      </c>
      <c r="F11" s="14"/>
      <c r="G11" s="18" t="s">
        <v>20</v>
      </c>
      <c r="H11" s="17"/>
      <c r="I11" s="13">
        <v>10598</v>
      </c>
      <c r="J11" s="14">
        <v>5446</v>
      </c>
      <c r="K11" s="14">
        <v>5152</v>
      </c>
    </row>
    <row r="12" spans="1:11" ht="15" customHeight="1">
      <c r="A12" s="17" t="s">
        <v>21</v>
      </c>
      <c r="B12" s="17"/>
      <c r="C12" s="13">
        <v>1226</v>
      </c>
      <c r="D12" s="19">
        <v>640</v>
      </c>
      <c r="E12" s="19">
        <v>586</v>
      </c>
      <c r="F12" s="19"/>
      <c r="G12" s="18" t="s">
        <v>22</v>
      </c>
      <c r="H12" s="17"/>
      <c r="I12" s="13">
        <v>2434</v>
      </c>
      <c r="J12" s="19">
        <v>1262</v>
      </c>
      <c r="K12" s="19">
        <v>1172</v>
      </c>
    </row>
    <row r="13" spans="1:11" ht="15" customHeight="1">
      <c r="A13" s="17" t="s">
        <v>23</v>
      </c>
      <c r="B13" s="17"/>
      <c r="C13" s="13">
        <v>1244</v>
      </c>
      <c r="D13" s="19">
        <v>633</v>
      </c>
      <c r="E13" s="19">
        <v>611</v>
      </c>
      <c r="F13" s="19"/>
      <c r="G13" s="18" t="s">
        <v>24</v>
      </c>
      <c r="H13" s="17"/>
      <c r="I13" s="13">
        <v>2215</v>
      </c>
      <c r="J13" s="19">
        <v>1125</v>
      </c>
      <c r="K13" s="19">
        <v>1090</v>
      </c>
    </row>
    <row r="14" spans="1:11" ht="15" customHeight="1">
      <c r="A14" s="17" t="s">
        <v>25</v>
      </c>
      <c r="B14" s="17"/>
      <c r="C14" s="13">
        <v>1261</v>
      </c>
      <c r="D14" s="19">
        <v>608</v>
      </c>
      <c r="E14" s="19">
        <v>653</v>
      </c>
      <c r="F14" s="19"/>
      <c r="G14" s="18" t="s">
        <v>26</v>
      </c>
      <c r="H14" s="17"/>
      <c r="I14" s="13">
        <v>2044</v>
      </c>
      <c r="J14" s="19">
        <v>1042</v>
      </c>
      <c r="K14" s="19">
        <v>1002</v>
      </c>
    </row>
    <row r="15" spans="1:11" ht="15" customHeight="1">
      <c r="A15" s="17" t="s">
        <v>27</v>
      </c>
      <c r="B15" s="17"/>
      <c r="C15" s="13">
        <v>1343</v>
      </c>
      <c r="D15" s="19">
        <v>682</v>
      </c>
      <c r="E15" s="19">
        <v>661</v>
      </c>
      <c r="F15" s="19"/>
      <c r="G15" s="18" t="s">
        <v>28</v>
      </c>
      <c r="H15" s="17"/>
      <c r="I15" s="13">
        <v>2008</v>
      </c>
      <c r="J15" s="19">
        <v>1046</v>
      </c>
      <c r="K15" s="19">
        <v>962</v>
      </c>
    </row>
    <row r="16" spans="1:11" ht="15" customHeight="1">
      <c r="A16" s="17" t="s">
        <v>29</v>
      </c>
      <c r="B16" s="17"/>
      <c r="C16" s="13">
        <v>1308</v>
      </c>
      <c r="D16" s="19">
        <v>679</v>
      </c>
      <c r="E16" s="19">
        <v>629</v>
      </c>
      <c r="F16" s="19"/>
      <c r="G16" s="18" t="s">
        <v>30</v>
      </c>
      <c r="H16" s="17"/>
      <c r="I16" s="13">
        <v>1897</v>
      </c>
      <c r="J16" s="19">
        <v>971</v>
      </c>
      <c r="K16" s="19">
        <v>926</v>
      </c>
    </row>
    <row r="17" spans="1:11" ht="20.100000000000001" customHeight="1">
      <c r="A17" s="20" t="s">
        <v>31</v>
      </c>
      <c r="B17" s="20"/>
      <c r="C17" s="13">
        <v>7041</v>
      </c>
      <c r="D17" s="14">
        <v>3552</v>
      </c>
      <c r="E17" s="14">
        <v>3489</v>
      </c>
      <c r="F17" s="14"/>
      <c r="G17" s="18" t="s">
        <v>32</v>
      </c>
      <c r="H17" s="17"/>
      <c r="I17" s="13">
        <v>9412</v>
      </c>
      <c r="J17" s="14">
        <v>4761</v>
      </c>
      <c r="K17" s="14">
        <v>4651</v>
      </c>
    </row>
    <row r="18" spans="1:11" ht="15" customHeight="1">
      <c r="A18" s="17" t="s">
        <v>33</v>
      </c>
      <c r="B18" s="17"/>
      <c r="C18" s="13">
        <v>1354</v>
      </c>
      <c r="D18" s="19">
        <v>676</v>
      </c>
      <c r="E18" s="19">
        <v>678</v>
      </c>
      <c r="F18" s="19">
        <v>678</v>
      </c>
      <c r="G18" s="18" t="s">
        <v>34</v>
      </c>
      <c r="H18" s="17"/>
      <c r="I18" s="13">
        <v>1846</v>
      </c>
      <c r="J18" s="19">
        <v>942</v>
      </c>
      <c r="K18" s="19">
        <v>904</v>
      </c>
    </row>
    <row r="19" spans="1:11" ht="15" customHeight="1">
      <c r="A19" s="17" t="s">
        <v>35</v>
      </c>
      <c r="B19" s="17"/>
      <c r="C19" s="13">
        <v>1422</v>
      </c>
      <c r="D19" s="19">
        <v>701</v>
      </c>
      <c r="E19" s="19">
        <v>721</v>
      </c>
      <c r="F19" s="19">
        <v>721</v>
      </c>
      <c r="G19" s="18" t="s">
        <v>36</v>
      </c>
      <c r="H19" s="17"/>
      <c r="I19" s="13">
        <v>1888</v>
      </c>
      <c r="J19" s="19">
        <v>960</v>
      </c>
      <c r="K19" s="19">
        <v>928</v>
      </c>
    </row>
    <row r="20" spans="1:11" ht="15" customHeight="1">
      <c r="A20" s="17" t="s">
        <v>37</v>
      </c>
      <c r="B20" s="17"/>
      <c r="C20" s="13">
        <v>1356</v>
      </c>
      <c r="D20" s="19">
        <v>689</v>
      </c>
      <c r="E20" s="19">
        <v>667</v>
      </c>
      <c r="F20" s="19">
        <v>667</v>
      </c>
      <c r="G20" s="18" t="s">
        <v>38</v>
      </c>
      <c r="H20" s="17"/>
      <c r="I20" s="13">
        <v>1908</v>
      </c>
      <c r="J20" s="19">
        <v>962</v>
      </c>
      <c r="K20" s="19">
        <v>946</v>
      </c>
    </row>
    <row r="21" spans="1:11" ht="15" customHeight="1">
      <c r="A21" s="17" t="s">
        <v>39</v>
      </c>
      <c r="B21" s="17"/>
      <c r="C21" s="13">
        <v>1483</v>
      </c>
      <c r="D21" s="19">
        <v>755</v>
      </c>
      <c r="E21" s="19">
        <v>728</v>
      </c>
      <c r="F21" s="19">
        <v>728</v>
      </c>
      <c r="G21" s="18" t="s">
        <v>40</v>
      </c>
      <c r="H21" s="17"/>
      <c r="I21" s="13">
        <v>1844</v>
      </c>
      <c r="J21" s="19">
        <v>944</v>
      </c>
      <c r="K21" s="19">
        <v>900</v>
      </c>
    </row>
    <row r="22" spans="1:11" ht="15" customHeight="1">
      <c r="A22" s="17" t="s">
        <v>41</v>
      </c>
      <c r="B22" s="17"/>
      <c r="C22" s="13">
        <v>1426</v>
      </c>
      <c r="D22" s="19">
        <v>731</v>
      </c>
      <c r="E22" s="19">
        <v>695</v>
      </c>
      <c r="F22" s="19">
        <v>695</v>
      </c>
      <c r="G22" s="18" t="s">
        <v>42</v>
      </c>
      <c r="H22" s="17"/>
      <c r="I22" s="13">
        <v>1926</v>
      </c>
      <c r="J22" s="19">
        <v>953</v>
      </c>
      <c r="K22" s="19">
        <v>973</v>
      </c>
    </row>
    <row r="23" spans="1:11" ht="20.100000000000001" customHeight="1">
      <c r="A23" s="17" t="s">
        <v>43</v>
      </c>
      <c r="B23" s="17"/>
      <c r="C23" s="13">
        <v>7693</v>
      </c>
      <c r="D23" s="14">
        <v>3889</v>
      </c>
      <c r="E23" s="14">
        <v>3804</v>
      </c>
      <c r="F23" s="14"/>
      <c r="G23" s="18" t="s">
        <v>44</v>
      </c>
      <c r="H23" s="17"/>
      <c r="I23" s="13">
        <v>11196</v>
      </c>
      <c r="J23" s="14">
        <v>5453</v>
      </c>
      <c r="K23" s="14">
        <v>5743</v>
      </c>
    </row>
    <row r="24" spans="1:11" ht="15" customHeight="1">
      <c r="A24" s="17" t="s">
        <v>45</v>
      </c>
      <c r="B24" s="17"/>
      <c r="C24" s="13">
        <v>1470</v>
      </c>
      <c r="D24" s="19">
        <v>717</v>
      </c>
      <c r="E24" s="19">
        <v>753</v>
      </c>
      <c r="F24" s="19"/>
      <c r="G24" s="18" t="s">
        <v>46</v>
      </c>
      <c r="H24" s="17"/>
      <c r="I24" s="13">
        <v>2002</v>
      </c>
      <c r="J24" s="19">
        <v>983</v>
      </c>
      <c r="K24" s="19">
        <v>1019</v>
      </c>
    </row>
    <row r="25" spans="1:11" ht="15" customHeight="1">
      <c r="A25" s="17" t="s">
        <v>47</v>
      </c>
      <c r="B25" s="17"/>
      <c r="C25" s="13">
        <v>1455</v>
      </c>
      <c r="D25" s="19">
        <v>758</v>
      </c>
      <c r="E25" s="19">
        <v>697</v>
      </c>
      <c r="F25" s="19"/>
      <c r="G25" s="18" t="s">
        <v>48</v>
      </c>
      <c r="H25" s="17"/>
      <c r="I25" s="13">
        <v>2154</v>
      </c>
      <c r="J25" s="19">
        <v>1049</v>
      </c>
      <c r="K25" s="19">
        <v>1105</v>
      </c>
    </row>
    <row r="26" spans="1:11" ht="15" customHeight="1">
      <c r="A26" s="17" t="s">
        <v>49</v>
      </c>
      <c r="B26" s="17"/>
      <c r="C26" s="13">
        <v>1496</v>
      </c>
      <c r="D26" s="19">
        <v>789</v>
      </c>
      <c r="E26" s="19">
        <v>707</v>
      </c>
      <c r="F26" s="19"/>
      <c r="G26" s="18" t="s">
        <v>50</v>
      </c>
      <c r="H26" s="17"/>
      <c r="I26" s="13">
        <v>2113</v>
      </c>
      <c r="J26" s="19">
        <v>1029</v>
      </c>
      <c r="K26" s="19">
        <v>1084</v>
      </c>
    </row>
    <row r="27" spans="1:11" ht="15" customHeight="1">
      <c r="A27" s="17" t="s">
        <v>51</v>
      </c>
      <c r="B27" s="17"/>
      <c r="C27" s="13">
        <v>1521</v>
      </c>
      <c r="D27" s="19">
        <v>786</v>
      </c>
      <c r="E27" s="19">
        <v>735</v>
      </c>
      <c r="F27" s="19"/>
      <c r="G27" s="18" t="s">
        <v>52</v>
      </c>
      <c r="H27" s="17"/>
      <c r="I27" s="13">
        <v>2385</v>
      </c>
      <c r="J27" s="19">
        <v>1129</v>
      </c>
      <c r="K27" s="19">
        <v>1256</v>
      </c>
    </row>
    <row r="28" spans="1:11" ht="15" customHeight="1">
      <c r="A28" s="17" t="s">
        <v>53</v>
      </c>
      <c r="B28" s="17"/>
      <c r="C28" s="13">
        <v>1751</v>
      </c>
      <c r="D28" s="19">
        <v>839</v>
      </c>
      <c r="E28" s="19">
        <v>912</v>
      </c>
      <c r="F28" s="19"/>
      <c r="G28" s="18" t="s">
        <v>54</v>
      </c>
      <c r="H28" s="17"/>
      <c r="I28" s="13">
        <v>2542</v>
      </c>
      <c r="J28" s="19">
        <v>1263</v>
      </c>
      <c r="K28" s="19">
        <v>1279</v>
      </c>
    </row>
    <row r="29" spans="1:11" ht="20.100000000000001" customHeight="1">
      <c r="A29" s="17" t="s">
        <v>55</v>
      </c>
      <c r="B29" s="17"/>
      <c r="C29" s="13">
        <v>8976</v>
      </c>
      <c r="D29" s="14">
        <v>4559</v>
      </c>
      <c r="E29" s="14">
        <v>4417</v>
      </c>
      <c r="F29" s="14"/>
      <c r="G29" s="18" t="s">
        <v>56</v>
      </c>
      <c r="H29" s="17"/>
      <c r="I29" s="13">
        <v>13708</v>
      </c>
      <c r="J29" s="14">
        <v>6522</v>
      </c>
      <c r="K29" s="14">
        <v>7186</v>
      </c>
    </row>
    <row r="30" spans="1:11" ht="15" customHeight="1">
      <c r="A30" s="17" t="s">
        <v>57</v>
      </c>
      <c r="B30" s="17"/>
      <c r="C30" s="13">
        <v>1936</v>
      </c>
      <c r="D30" s="19">
        <v>966</v>
      </c>
      <c r="E30" s="19">
        <v>970</v>
      </c>
      <c r="F30" s="19"/>
      <c r="G30" s="18" t="s">
        <v>58</v>
      </c>
      <c r="H30" s="17"/>
      <c r="I30" s="13">
        <v>2730</v>
      </c>
      <c r="J30" s="19">
        <v>1306</v>
      </c>
      <c r="K30" s="19">
        <v>1424</v>
      </c>
    </row>
    <row r="31" spans="1:11" ht="15" customHeight="1">
      <c r="A31" s="17" t="s">
        <v>59</v>
      </c>
      <c r="B31" s="17"/>
      <c r="C31" s="13">
        <v>1836</v>
      </c>
      <c r="D31" s="19">
        <v>893</v>
      </c>
      <c r="E31" s="19">
        <v>943</v>
      </c>
      <c r="F31" s="19"/>
      <c r="G31" s="18" t="s">
        <v>60</v>
      </c>
      <c r="H31" s="17"/>
      <c r="I31" s="13">
        <v>3087</v>
      </c>
      <c r="J31" s="19">
        <v>1477</v>
      </c>
      <c r="K31" s="19">
        <v>1610</v>
      </c>
    </row>
    <row r="32" spans="1:11" ht="15" customHeight="1">
      <c r="A32" s="17" t="s">
        <v>61</v>
      </c>
      <c r="B32" s="17"/>
      <c r="C32" s="13">
        <v>1902</v>
      </c>
      <c r="D32" s="19">
        <v>986</v>
      </c>
      <c r="E32" s="19">
        <v>916</v>
      </c>
      <c r="F32" s="19"/>
      <c r="G32" s="18" t="s">
        <v>62</v>
      </c>
      <c r="H32" s="17"/>
      <c r="I32" s="13">
        <v>2925</v>
      </c>
      <c r="J32" s="19">
        <v>1352</v>
      </c>
      <c r="K32" s="19">
        <v>1573</v>
      </c>
    </row>
    <row r="33" spans="1:11" ht="15" customHeight="1">
      <c r="A33" s="17" t="s">
        <v>63</v>
      </c>
      <c r="B33" s="17"/>
      <c r="C33" s="13">
        <v>1737</v>
      </c>
      <c r="D33" s="19">
        <v>896</v>
      </c>
      <c r="E33" s="19">
        <v>841</v>
      </c>
      <c r="F33" s="19"/>
      <c r="G33" s="18" t="s">
        <v>64</v>
      </c>
      <c r="H33" s="17"/>
      <c r="I33" s="13">
        <v>2874</v>
      </c>
      <c r="J33" s="19">
        <v>1409</v>
      </c>
      <c r="K33" s="19">
        <v>1465</v>
      </c>
    </row>
    <row r="34" spans="1:11" ht="15" customHeight="1">
      <c r="A34" s="17" t="s">
        <v>65</v>
      </c>
      <c r="B34" s="17"/>
      <c r="C34" s="13">
        <v>1565</v>
      </c>
      <c r="D34" s="19">
        <v>818</v>
      </c>
      <c r="E34" s="19">
        <v>747</v>
      </c>
      <c r="F34" s="19"/>
      <c r="G34" s="18" t="s">
        <v>66</v>
      </c>
      <c r="H34" s="17"/>
      <c r="I34" s="13">
        <v>2092</v>
      </c>
      <c r="J34" s="19">
        <v>978</v>
      </c>
      <c r="K34" s="19">
        <v>1114</v>
      </c>
    </row>
    <row r="35" spans="1:11" ht="20.100000000000001" customHeight="1">
      <c r="A35" s="17" t="s">
        <v>67</v>
      </c>
      <c r="B35" s="17"/>
      <c r="C35" s="13">
        <v>7918</v>
      </c>
      <c r="D35" s="14">
        <v>4169</v>
      </c>
      <c r="E35" s="14">
        <v>3749</v>
      </c>
      <c r="F35" s="14"/>
      <c r="G35" s="18" t="s">
        <v>68</v>
      </c>
      <c r="H35" s="17"/>
      <c r="I35" s="13">
        <v>10254</v>
      </c>
      <c r="J35" s="14">
        <v>5025</v>
      </c>
      <c r="K35" s="14">
        <v>5229</v>
      </c>
    </row>
    <row r="36" spans="1:11" ht="15" customHeight="1">
      <c r="A36" s="17" t="s">
        <v>69</v>
      </c>
      <c r="B36" s="17"/>
      <c r="C36" s="13">
        <v>1578</v>
      </c>
      <c r="D36" s="19">
        <v>807</v>
      </c>
      <c r="E36" s="19">
        <v>771</v>
      </c>
      <c r="F36" s="19"/>
      <c r="G36" s="18" t="s">
        <v>70</v>
      </c>
      <c r="H36" s="17"/>
      <c r="I36" s="13">
        <v>1755</v>
      </c>
      <c r="J36" s="19">
        <v>835</v>
      </c>
      <c r="K36" s="19">
        <v>920</v>
      </c>
    </row>
    <row r="37" spans="1:11" ht="15" customHeight="1">
      <c r="A37" s="17" t="s">
        <v>71</v>
      </c>
      <c r="B37" s="17"/>
      <c r="C37" s="13">
        <v>1616</v>
      </c>
      <c r="D37" s="19">
        <v>840</v>
      </c>
      <c r="E37" s="19">
        <v>776</v>
      </c>
      <c r="F37" s="19"/>
      <c r="G37" s="18" t="s">
        <v>72</v>
      </c>
      <c r="H37" s="17"/>
      <c r="I37" s="13">
        <v>2184</v>
      </c>
      <c r="J37" s="19">
        <v>1033</v>
      </c>
      <c r="K37" s="19">
        <v>1151</v>
      </c>
    </row>
    <row r="38" spans="1:11" ht="15" customHeight="1">
      <c r="A38" s="17" t="s">
        <v>73</v>
      </c>
      <c r="B38" s="17"/>
      <c r="C38" s="13">
        <v>1565</v>
      </c>
      <c r="D38" s="19">
        <v>843</v>
      </c>
      <c r="E38" s="19">
        <v>722</v>
      </c>
      <c r="F38" s="19"/>
      <c r="G38" s="18" t="s">
        <v>74</v>
      </c>
      <c r="H38" s="17"/>
      <c r="I38" s="13">
        <v>2300</v>
      </c>
      <c r="J38" s="19">
        <v>1146</v>
      </c>
      <c r="K38" s="19">
        <v>1154</v>
      </c>
    </row>
    <row r="39" spans="1:11" ht="15" customHeight="1">
      <c r="A39" s="17" t="s">
        <v>75</v>
      </c>
      <c r="B39" s="17"/>
      <c r="C39" s="13">
        <v>1588</v>
      </c>
      <c r="D39" s="19">
        <v>833</v>
      </c>
      <c r="E39" s="19">
        <v>755</v>
      </c>
      <c r="F39" s="19"/>
      <c r="G39" s="18" t="s">
        <v>76</v>
      </c>
      <c r="H39" s="17"/>
      <c r="I39" s="13">
        <v>2004</v>
      </c>
      <c r="J39" s="19">
        <v>988</v>
      </c>
      <c r="K39" s="19">
        <v>1016</v>
      </c>
    </row>
    <row r="40" spans="1:11" ht="15" customHeight="1">
      <c r="A40" s="17" t="s">
        <v>77</v>
      </c>
      <c r="B40" s="17"/>
      <c r="C40" s="13">
        <v>1571</v>
      </c>
      <c r="D40" s="19">
        <v>846</v>
      </c>
      <c r="E40" s="19">
        <v>725</v>
      </c>
      <c r="F40" s="19"/>
      <c r="G40" s="18" t="s">
        <v>78</v>
      </c>
      <c r="H40" s="17"/>
      <c r="I40" s="13">
        <v>2011</v>
      </c>
      <c r="J40" s="19">
        <v>1023</v>
      </c>
      <c r="K40" s="19">
        <v>988</v>
      </c>
    </row>
    <row r="41" spans="1:11" ht="20.100000000000001" customHeight="1">
      <c r="A41" s="17" t="s">
        <v>79</v>
      </c>
      <c r="B41" s="17"/>
      <c r="C41" s="13">
        <v>8141</v>
      </c>
      <c r="D41" s="14">
        <v>4344</v>
      </c>
      <c r="E41" s="14">
        <v>3797</v>
      </c>
      <c r="F41" s="14"/>
      <c r="G41" s="18" t="s">
        <v>80</v>
      </c>
      <c r="H41" s="17"/>
      <c r="I41" s="13">
        <v>6597</v>
      </c>
      <c r="J41" s="14">
        <v>3058</v>
      </c>
      <c r="K41" s="14">
        <v>3539</v>
      </c>
    </row>
    <row r="42" spans="1:11" ht="15" customHeight="1">
      <c r="A42" s="17" t="s">
        <v>81</v>
      </c>
      <c r="B42" s="17"/>
      <c r="C42" s="13">
        <v>1561</v>
      </c>
      <c r="D42" s="19">
        <v>878</v>
      </c>
      <c r="E42" s="19">
        <v>683</v>
      </c>
      <c r="F42" s="19"/>
      <c r="G42" s="18" t="s">
        <v>82</v>
      </c>
      <c r="H42" s="17"/>
      <c r="I42" s="13">
        <v>1714</v>
      </c>
      <c r="J42" s="19">
        <v>802</v>
      </c>
      <c r="K42" s="19">
        <v>912</v>
      </c>
    </row>
    <row r="43" spans="1:11" ht="15" customHeight="1">
      <c r="A43" s="17" t="s">
        <v>83</v>
      </c>
      <c r="B43" s="17"/>
      <c r="C43" s="13">
        <v>1550</v>
      </c>
      <c r="D43" s="19">
        <v>800</v>
      </c>
      <c r="E43" s="19">
        <v>750</v>
      </c>
      <c r="F43" s="19"/>
      <c r="G43" s="18" t="s">
        <v>84</v>
      </c>
      <c r="H43" s="17"/>
      <c r="I43" s="13">
        <v>1391</v>
      </c>
      <c r="J43" s="19">
        <v>653</v>
      </c>
      <c r="K43" s="19">
        <v>738</v>
      </c>
    </row>
    <row r="44" spans="1:11" ht="15" customHeight="1">
      <c r="A44" s="17" t="s">
        <v>85</v>
      </c>
      <c r="B44" s="17"/>
      <c r="C44" s="13">
        <v>1654</v>
      </c>
      <c r="D44" s="19">
        <v>851</v>
      </c>
      <c r="E44" s="19">
        <v>803</v>
      </c>
      <c r="F44" s="19"/>
      <c r="G44" s="18" t="s">
        <v>86</v>
      </c>
      <c r="H44" s="17"/>
      <c r="I44" s="13">
        <v>1225</v>
      </c>
      <c r="J44" s="19">
        <v>572</v>
      </c>
      <c r="K44" s="19">
        <v>653</v>
      </c>
    </row>
    <row r="45" spans="1:11" ht="15" customHeight="1">
      <c r="A45" s="17" t="s">
        <v>87</v>
      </c>
      <c r="B45" s="17"/>
      <c r="C45" s="13">
        <v>1643</v>
      </c>
      <c r="D45" s="19">
        <v>888</v>
      </c>
      <c r="E45" s="19">
        <v>755</v>
      </c>
      <c r="F45" s="19"/>
      <c r="G45" s="18" t="s">
        <v>88</v>
      </c>
      <c r="H45" s="17"/>
      <c r="I45" s="13">
        <v>1231</v>
      </c>
      <c r="J45" s="19">
        <v>567</v>
      </c>
      <c r="K45" s="19">
        <v>664</v>
      </c>
    </row>
    <row r="46" spans="1:11" ht="15" customHeight="1">
      <c r="A46" s="17" t="s">
        <v>89</v>
      </c>
      <c r="B46" s="17"/>
      <c r="C46" s="13">
        <v>1733</v>
      </c>
      <c r="D46" s="19">
        <v>927</v>
      </c>
      <c r="E46" s="19">
        <v>806</v>
      </c>
      <c r="F46" s="19"/>
      <c r="G46" s="18" t="s">
        <v>90</v>
      </c>
      <c r="H46" s="17"/>
      <c r="I46" s="13">
        <v>1036</v>
      </c>
      <c r="J46" s="19">
        <v>464</v>
      </c>
      <c r="K46" s="19">
        <v>572</v>
      </c>
    </row>
    <row r="47" spans="1:11" ht="20.100000000000001" customHeight="1">
      <c r="A47" s="17" t="s">
        <v>91</v>
      </c>
      <c r="B47" s="17"/>
      <c r="C47" s="13">
        <v>9435</v>
      </c>
      <c r="D47" s="14">
        <v>4972</v>
      </c>
      <c r="E47" s="14">
        <v>4463</v>
      </c>
      <c r="F47" s="14"/>
      <c r="G47" s="18" t="s">
        <v>92</v>
      </c>
      <c r="H47" s="17"/>
      <c r="I47" s="13">
        <v>3762</v>
      </c>
      <c r="J47" s="14">
        <v>1438</v>
      </c>
      <c r="K47" s="14">
        <v>2324</v>
      </c>
    </row>
    <row r="48" spans="1:11" ht="15" customHeight="1">
      <c r="A48" s="17" t="s">
        <v>93</v>
      </c>
      <c r="B48" s="17"/>
      <c r="C48" s="13">
        <v>1747</v>
      </c>
      <c r="D48" s="19">
        <v>920</v>
      </c>
      <c r="E48" s="19">
        <v>827</v>
      </c>
      <c r="F48" s="19"/>
      <c r="G48" s="18" t="s">
        <v>94</v>
      </c>
      <c r="H48" s="17"/>
      <c r="I48" s="13">
        <v>978</v>
      </c>
      <c r="J48" s="19">
        <v>422</v>
      </c>
      <c r="K48" s="19">
        <v>556</v>
      </c>
    </row>
    <row r="49" spans="1:11" ht="15" customHeight="1">
      <c r="A49" s="17" t="s">
        <v>95</v>
      </c>
      <c r="B49" s="17"/>
      <c r="C49" s="13">
        <v>1880</v>
      </c>
      <c r="D49" s="19">
        <v>1006</v>
      </c>
      <c r="E49" s="19">
        <v>874</v>
      </c>
      <c r="F49" s="19"/>
      <c r="G49" s="18" t="s">
        <v>96</v>
      </c>
      <c r="H49" s="17"/>
      <c r="I49" s="13">
        <v>811</v>
      </c>
      <c r="J49" s="19">
        <v>330</v>
      </c>
      <c r="K49" s="19">
        <v>481</v>
      </c>
    </row>
    <row r="50" spans="1:11" ht="15" customHeight="1">
      <c r="A50" s="17" t="s">
        <v>97</v>
      </c>
      <c r="B50" s="17"/>
      <c r="C50" s="13">
        <v>1866</v>
      </c>
      <c r="D50" s="19">
        <v>999</v>
      </c>
      <c r="E50" s="19">
        <v>867</v>
      </c>
      <c r="F50" s="19"/>
      <c r="G50" s="18" t="s">
        <v>98</v>
      </c>
      <c r="H50" s="17"/>
      <c r="I50" s="13">
        <v>731</v>
      </c>
      <c r="J50" s="19">
        <v>246</v>
      </c>
      <c r="K50" s="19">
        <v>485</v>
      </c>
    </row>
    <row r="51" spans="1:11" ht="15" customHeight="1">
      <c r="A51" s="17" t="s">
        <v>99</v>
      </c>
      <c r="B51" s="17"/>
      <c r="C51" s="13">
        <v>1928</v>
      </c>
      <c r="D51" s="19">
        <v>987</v>
      </c>
      <c r="E51" s="19">
        <v>941</v>
      </c>
      <c r="F51" s="19"/>
      <c r="G51" s="18" t="s">
        <v>100</v>
      </c>
      <c r="H51" s="17"/>
      <c r="I51" s="13">
        <v>645</v>
      </c>
      <c r="J51" s="19">
        <v>233</v>
      </c>
      <c r="K51" s="19">
        <v>412</v>
      </c>
    </row>
    <row r="52" spans="1:11" ht="15" customHeight="1">
      <c r="A52" s="17" t="s">
        <v>101</v>
      </c>
      <c r="B52" s="17"/>
      <c r="C52" s="13">
        <v>2014</v>
      </c>
      <c r="D52" s="19">
        <v>1060</v>
      </c>
      <c r="E52" s="19">
        <v>954</v>
      </c>
      <c r="F52" s="19"/>
      <c r="G52" s="18" t="s">
        <v>102</v>
      </c>
      <c r="H52" s="17"/>
      <c r="I52" s="13">
        <v>597</v>
      </c>
      <c r="J52" s="19">
        <v>207</v>
      </c>
      <c r="K52" s="19">
        <v>390</v>
      </c>
    </row>
    <row r="53" spans="1:11" ht="20.100000000000001" customHeight="1">
      <c r="A53" s="17" t="s">
        <v>103</v>
      </c>
      <c r="B53" s="17"/>
      <c r="C53" s="13">
        <v>11190</v>
      </c>
      <c r="D53" s="14">
        <v>5794</v>
      </c>
      <c r="E53" s="14">
        <v>5396</v>
      </c>
      <c r="F53" s="14"/>
      <c r="G53" s="18" t="s">
        <v>104</v>
      </c>
      <c r="H53" s="17"/>
      <c r="I53" s="13">
        <v>1732</v>
      </c>
      <c r="J53" s="14">
        <v>513</v>
      </c>
      <c r="K53" s="14">
        <v>1219</v>
      </c>
    </row>
    <row r="54" spans="1:11" ht="15" customHeight="1">
      <c r="A54" s="17" t="s">
        <v>105</v>
      </c>
      <c r="B54" s="17"/>
      <c r="C54" s="13">
        <v>1976</v>
      </c>
      <c r="D54" s="19">
        <v>1045</v>
      </c>
      <c r="E54" s="19">
        <v>931</v>
      </c>
      <c r="F54" s="19"/>
      <c r="G54" s="18" t="s">
        <v>106</v>
      </c>
      <c r="H54" s="17"/>
      <c r="I54" s="13">
        <v>519</v>
      </c>
      <c r="J54" s="19">
        <v>170</v>
      </c>
      <c r="K54" s="19">
        <v>349</v>
      </c>
    </row>
    <row r="55" spans="1:11" ht="15" customHeight="1">
      <c r="A55" s="17" t="s">
        <v>107</v>
      </c>
      <c r="B55" s="17"/>
      <c r="C55" s="13">
        <v>2160</v>
      </c>
      <c r="D55" s="19">
        <v>1069</v>
      </c>
      <c r="E55" s="19">
        <v>1091</v>
      </c>
      <c r="F55" s="19"/>
      <c r="G55" s="18" t="s">
        <v>108</v>
      </c>
      <c r="H55" s="17"/>
      <c r="I55" s="13">
        <v>422</v>
      </c>
      <c r="J55" s="19">
        <v>129</v>
      </c>
      <c r="K55" s="19">
        <v>293</v>
      </c>
    </row>
    <row r="56" spans="1:11" ht="15" customHeight="1">
      <c r="A56" s="17" t="s">
        <v>109</v>
      </c>
      <c r="B56" s="17"/>
      <c r="C56" s="13">
        <v>2320</v>
      </c>
      <c r="D56" s="19">
        <v>1183</v>
      </c>
      <c r="E56" s="19">
        <v>1137</v>
      </c>
      <c r="F56" s="19"/>
      <c r="G56" s="18" t="s">
        <v>110</v>
      </c>
      <c r="H56" s="17"/>
      <c r="I56" s="13">
        <v>323</v>
      </c>
      <c r="J56" s="19">
        <v>87</v>
      </c>
      <c r="K56" s="19">
        <v>236</v>
      </c>
    </row>
    <row r="57" spans="1:11" ht="15" customHeight="1">
      <c r="A57" s="17" t="s">
        <v>111</v>
      </c>
      <c r="B57" s="17"/>
      <c r="C57" s="13">
        <v>2323</v>
      </c>
      <c r="D57" s="19">
        <v>1195</v>
      </c>
      <c r="E57" s="19">
        <v>1128</v>
      </c>
      <c r="F57" s="19"/>
      <c r="G57" s="18" t="s">
        <v>112</v>
      </c>
      <c r="H57" s="17"/>
      <c r="I57" s="13">
        <v>268</v>
      </c>
      <c r="J57" s="19">
        <v>72</v>
      </c>
      <c r="K57" s="19">
        <v>196</v>
      </c>
    </row>
    <row r="58" spans="1:11" ht="15" customHeight="1">
      <c r="A58" s="17" t="s">
        <v>113</v>
      </c>
      <c r="B58" s="17"/>
      <c r="C58" s="13">
        <v>2411</v>
      </c>
      <c r="D58" s="19">
        <v>1302</v>
      </c>
      <c r="E58" s="19">
        <v>1109</v>
      </c>
      <c r="F58" s="19"/>
      <c r="G58" s="18" t="s">
        <v>114</v>
      </c>
      <c r="H58" s="17"/>
      <c r="I58" s="13">
        <v>200</v>
      </c>
      <c r="J58" s="19">
        <v>55</v>
      </c>
      <c r="K58" s="19">
        <v>145</v>
      </c>
    </row>
    <row r="59" spans="1:11" ht="20.100000000000001" customHeight="1">
      <c r="A59" s="17" t="s">
        <v>115</v>
      </c>
      <c r="B59" s="17"/>
      <c r="C59" s="13">
        <v>13849</v>
      </c>
      <c r="D59" s="14">
        <v>7252</v>
      </c>
      <c r="E59" s="14">
        <v>6597</v>
      </c>
      <c r="F59" s="14"/>
      <c r="G59" s="18" t="s">
        <v>116</v>
      </c>
      <c r="H59" s="17"/>
      <c r="I59" s="13">
        <v>472</v>
      </c>
      <c r="J59" s="14">
        <v>76</v>
      </c>
      <c r="K59" s="14">
        <v>396</v>
      </c>
    </row>
    <row r="60" spans="1:11" ht="15" customHeight="1">
      <c r="A60" s="17" t="s">
        <v>117</v>
      </c>
      <c r="B60" s="17"/>
      <c r="C60" s="13">
        <v>2503</v>
      </c>
      <c r="D60" s="19">
        <v>1314</v>
      </c>
      <c r="E60" s="19">
        <v>1189</v>
      </c>
      <c r="F60" s="19"/>
      <c r="G60" s="18" t="s">
        <v>118</v>
      </c>
      <c r="H60" s="17"/>
      <c r="I60" s="13">
        <v>145</v>
      </c>
      <c r="J60" s="19">
        <v>32</v>
      </c>
      <c r="K60" s="19">
        <v>113</v>
      </c>
    </row>
    <row r="61" spans="1:11" ht="15" customHeight="1">
      <c r="A61" s="17" t="s">
        <v>119</v>
      </c>
      <c r="B61" s="17"/>
      <c r="C61" s="13">
        <v>2802</v>
      </c>
      <c r="D61" s="19">
        <v>1481</v>
      </c>
      <c r="E61" s="19">
        <v>1321</v>
      </c>
      <c r="F61" s="19"/>
      <c r="G61" s="18" t="s">
        <v>120</v>
      </c>
      <c r="H61" s="17"/>
      <c r="I61" s="13">
        <v>103</v>
      </c>
      <c r="J61" s="19">
        <v>14</v>
      </c>
      <c r="K61" s="19">
        <v>89</v>
      </c>
    </row>
    <row r="62" spans="1:11" ht="15" customHeight="1">
      <c r="A62" s="17" t="s">
        <v>121</v>
      </c>
      <c r="B62" s="17"/>
      <c r="C62" s="13">
        <v>2919</v>
      </c>
      <c r="D62" s="19">
        <v>1507</v>
      </c>
      <c r="E62" s="19">
        <v>1412</v>
      </c>
      <c r="F62" s="19"/>
      <c r="G62" s="18" t="s">
        <v>122</v>
      </c>
      <c r="H62" s="17"/>
      <c r="I62" s="13">
        <v>97</v>
      </c>
      <c r="J62" s="19">
        <v>16</v>
      </c>
      <c r="K62" s="19">
        <v>81</v>
      </c>
    </row>
    <row r="63" spans="1:11" ht="15" customHeight="1">
      <c r="A63" s="17" t="s">
        <v>123</v>
      </c>
      <c r="B63" s="17"/>
      <c r="C63" s="13">
        <v>2780</v>
      </c>
      <c r="D63" s="19">
        <v>1468</v>
      </c>
      <c r="E63" s="19">
        <v>1312</v>
      </c>
      <c r="F63" s="19"/>
      <c r="G63" s="18" t="s">
        <v>124</v>
      </c>
      <c r="H63" s="17"/>
      <c r="I63" s="13">
        <v>73</v>
      </c>
      <c r="J63" s="19">
        <v>6</v>
      </c>
      <c r="K63" s="19">
        <v>67</v>
      </c>
    </row>
    <row r="64" spans="1:11" ht="15" customHeight="1">
      <c r="A64" s="17" t="s">
        <v>125</v>
      </c>
      <c r="B64" s="17"/>
      <c r="C64" s="13">
        <v>2845</v>
      </c>
      <c r="D64" s="19">
        <v>1482</v>
      </c>
      <c r="E64" s="19">
        <v>1363</v>
      </c>
      <c r="F64" s="19"/>
      <c r="G64" s="18" t="s">
        <v>126</v>
      </c>
      <c r="H64" s="17"/>
      <c r="I64" s="13">
        <v>54</v>
      </c>
      <c r="J64" s="19">
        <v>8</v>
      </c>
      <c r="K64" s="19">
        <v>4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4</v>
      </c>
      <c r="J65" s="19">
        <v>9</v>
      </c>
      <c r="K65" s="19">
        <v>6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262</v>
      </c>
      <c r="J66" s="29">
        <v>2486</v>
      </c>
      <c r="K66" s="29">
        <v>1776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2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73992</v>
      </c>
      <c r="D4" s="14">
        <v>137195</v>
      </c>
      <c r="E4" s="14">
        <v>13679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472</v>
      </c>
      <c r="D5" s="14">
        <v>4874</v>
      </c>
      <c r="E5" s="14">
        <v>4598</v>
      </c>
      <c r="F5" s="14"/>
      <c r="G5" s="18" t="s">
        <v>8</v>
      </c>
      <c r="H5" s="17"/>
      <c r="I5" s="13">
        <v>21185</v>
      </c>
      <c r="J5" s="14">
        <v>11119</v>
      </c>
      <c r="K5" s="14">
        <v>10066</v>
      </c>
    </row>
    <row r="6" spans="1:11" ht="15" customHeight="1">
      <c r="A6" s="17" t="s">
        <v>9</v>
      </c>
      <c r="B6" s="17"/>
      <c r="C6" s="13">
        <v>1782</v>
      </c>
      <c r="D6" s="19">
        <v>900</v>
      </c>
      <c r="E6" s="19">
        <v>882</v>
      </c>
      <c r="F6" s="19"/>
      <c r="G6" s="18" t="s">
        <v>10</v>
      </c>
      <c r="H6" s="17"/>
      <c r="I6" s="13">
        <v>4547</v>
      </c>
      <c r="J6" s="19">
        <v>2369</v>
      </c>
      <c r="K6" s="19">
        <v>2178</v>
      </c>
    </row>
    <row r="7" spans="1:11" ht="15" customHeight="1">
      <c r="A7" s="17" t="s">
        <v>11</v>
      </c>
      <c r="B7" s="17"/>
      <c r="C7" s="13">
        <v>1798</v>
      </c>
      <c r="D7" s="19">
        <v>952</v>
      </c>
      <c r="E7" s="19">
        <v>846</v>
      </c>
      <c r="F7" s="19"/>
      <c r="G7" s="18" t="s">
        <v>12</v>
      </c>
      <c r="H7" s="17"/>
      <c r="I7" s="13">
        <v>4545</v>
      </c>
      <c r="J7" s="19">
        <v>2381</v>
      </c>
      <c r="K7" s="19">
        <v>2164</v>
      </c>
    </row>
    <row r="8" spans="1:11" ht="15" customHeight="1">
      <c r="A8" s="17" t="s">
        <v>13</v>
      </c>
      <c r="B8" s="17"/>
      <c r="C8" s="13">
        <v>1945</v>
      </c>
      <c r="D8" s="19">
        <v>996</v>
      </c>
      <c r="E8" s="19">
        <v>949</v>
      </c>
      <c r="F8" s="19"/>
      <c r="G8" s="18" t="s">
        <v>14</v>
      </c>
      <c r="H8" s="17"/>
      <c r="I8" s="13">
        <v>4290</v>
      </c>
      <c r="J8" s="19">
        <v>2310</v>
      </c>
      <c r="K8" s="19">
        <v>1980</v>
      </c>
    </row>
    <row r="9" spans="1:11" ht="15" customHeight="1">
      <c r="A9" s="17" t="s">
        <v>15</v>
      </c>
      <c r="B9" s="17"/>
      <c r="C9" s="13">
        <v>1926</v>
      </c>
      <c r="D9" s="19">
        <v>976</v>
      </c>
      <c r="E9" s="19">
        <v>950</v>
      </c>
      <c r="F9" s="19"/>
      <c r="G9" s="18" t="s">
        <v>16</v>
      </c>
      <c r="H9" s="17"/>
      <c r="I9" s="13">
        <v>4536</v>
      </c>
      <c r="J9" s="19">
        <v>2368</v>
      </c>
      <c r="K9" s="19">
        <v>2168</v>
      </c>
    </row>
    <row r="10" spans="1:11" ht="15" customHeight="1">
      <c r="A10" s="17" t="s">
        <v>17</v>
      </c>
      <c r="B10" s="17"/>
      <c r="C10" s="13">
        <v>2021</v>
      </c>
      <c r="D10" s="19">
        <v>1050</v>
      </c>
      <c r="E10" s="19">
        <v>971</v>
      </c>
      <c r="F10" s="19"/>
      <c r="G10" s="18" t="s">
        <v>18</v>
      </c>
      <c r="H10" s="17"/>
      <c r="I10" s="13">
        <v>3267</v>
      </c>
      <c r="J10" s="19">
        <v>1691</v>
      </c>
      <c r="K10" s="19">
        <v>1576</v>
      </c>
    </row>
    <row r="11" spans="1:11" ht="20.100000000000001" customHeight="1">
      <c r="A11" s="17" t="s">
        <v>19</v>
      </c>
      <c r="B11" s="17"/>
      <c r="C11" s="13">
        <v>11166</v>
      </c>
      <c r="D11" s="14">
        <v>5821</v>
      </c>
      <c r="E11" s="14">
        <v>5345</v>
      </c>
      <c r="F11" s="14"/>
      <c r="G11" s="18" t="s">
        <v>20</v>
      </c>
      <c r="H11" s="17"/>
      <c r="I11" s="13">
        <v>17663</v>
      </c>
      <c r="J11" s="14">
        <v>9190</v>
      </c>
      <c r="K11" s="14">
        <v>8473</v>
      </c>
    </row>
    <row r="12" spans="1:11" ht="15" customHeight="1">
      <c r="A12" s="17" t="s">
        <v>21</v>
      </c>
      <c r="B12" s="17"/>
      <c r="C12" s="13">
        <v>2155</v>
      </c>
      <c r="D12" s="19">
        <v>1158</v>
      </c>
      <c r="E12" s="19">
        <v>997</v>
      </c>
      <c r="F12" s="19"/>
      <c r="G12" s="18" t="s">
        <v>22</v>
      </c>
      <c r="H12" s="17"/>
      <c r="I12" s="13">
        <v>4060</v>
      </c>
      <c r="J12" s="19">
        <v>2135</v>
      </c>
      <c r="K12" s="19">
        <v>1925</v>
      </c>
    </row>
    <row r="13" spans="1:11" ht="15" customHeight="1">
      <c r="A13" s="17" t="s">
        <v>23</v>
      </c>
      <c r="B13" s="17"/>
      <c r="C13" s="13">
        <v>2207</v>
      </c>
      <c r="D13" s="19">
        <v>1122</v>
      </c>
      <c r="E13" s="19">
        <v>1085</v>
      </c>
      <c r="F13" s="19"/>
      <c r="G13" s="18" t="s">
        <v>24</v>
      </c>
      <c r="H13" s="17"/>
      <c r="I13" s="13">
        <v>3766</v>
      </c>
      <c r="J13" s="19">
        <v>1983</v>
      </c>
      <c r="K13" s="19">
        <v>1783</v>
      </c>
    </row>
    <row r="14" spans="1:11" ht="15" customHeight="1">
      <c r="A14" s="17" t="s">
        <v>25</v>
      </c>
      <c r="B14" s="17"/>
      <c r="C14" s="13">
        <v>2291</v>
      </c>
      <c r="D14" s="19">
        <v>1235</v>
      </c>
      <c r="E14" s="19">
        <v>1056</v>
      </c>
      <c r="F14" s="19"/>
      <c r="G14" s="18" t="s">
        <v>26</v>
      </c>
      <c r="H14" s="17"/>
      <c r="I14" s="13">
        <v>3517</v>
      </c>
      <c r="J14" s="19">
        <v>1826</v>
      </c>
      <c r="K14" s="19">
        <v>1691</v>
      </c>
    </row>
    <row r="15" spans="1:11" ht="15" customHeight="1">
      <c r="A15" s="17" t="s">
        <v>27</v>
      </c>
      <c r="B15" s="17"/>
      <c r="C15" s="13">
        <v>2232</v>
      </c>
      <c r="D15" s="19">
        <v>1141</v>
      </c>
      <c r="E15" s="19">
        <v>1091</v>
      </c>
      <c r="F15" s="19"/>
      <c r="G15" s="18" t="s">
        <v>28</v>
      </c>
      <c r="H15" s="17"/>
      <c r="I15" s="13">
        <v>3233</v>
      </c>
      <c r="J15" s="19">
        <v>1641</v>
      </c>
      <c r="K15" s="19">
        <v>1592</v>
      </c>
    </row>
    <row r="16" spans="1:11" ht="15" customHeight="1">
      <c r="A16" s="17" t="s">
        <v>29</v>
      </c>
      <c r="B16" s="17"/>
      <c r="C16" s="13">
        <v>2281</v>
      </c>
      <c r="D16" s="19">
        <v>1165</v>
      </c>
      <c r="E16" s="19">
        <v>1116</v>
      </c>
      <c r="F16" s="19"/>
      <c r="G16" s="18" t="s">
        <v>30</v>
      </c>
      <c r="H16" s="17"/>
      <c r="I16" s="13">
        <v>3087</v>
      </c>
      <c r="J16" s="19">
        <v>1605</v>
      </c>
      <c r="K16" s="19">
        <v>1482</v>
      </c>
    </row>
    <row r="17" spans="1:11" ht="20.100000000000001" customHeight="1">
      <c r="A17" s="20" t="s">
        <v>31</v>
      </c>
      <c r="B17" s="20"/>
      <c r="C17" s="13">
        <v>11767</v>
      </c>
      <c r="D17" s="14">
        <v>6048</v>
      </c>
      <c r="E17" s="14">
        <v>5719</v>
      </c>
      <c r="F17" s="14"/>
      <c r="G17" s="18" t="s">
        <v>32</v>
      </c>
      <c r="H17" s="17"/>
      <c r="I17" s="13">
        <v>14216</v>
      </c>
      <c r="J17" s="14">
        <v>7274</v>
      </c>
      <c r="K17" s="14">
        <v>6942</v>
      </c>
    </row>
    <row r="18" spans="1:11" ht="15" customHeight="1">
      <c r="A18" s="17" t="s">
        <v>33</v>
      </c>
      <c r="B18" s="17"/>
      <c r="C18" s="13">
        <v>2287</v>
      </c>
      <c r="D18" s="19">
        <v>1142</v>
      </c>
      <c r="E18" s="19">
        <v>1145</v>
      </c>
      <c r="F18" s="19">
        <v>1145</v>
      </c>
      <c r="G18" s="18" t="s">
        <v>34</v>
      </c>
      <c r="H18" s="17"/>
      <c r="I18" s="13">
        <v>3083</v>
      </c>
      <c r="J18" s="19">
        <v>1561</v>
      </c>
      <c r="K18" s="19">
        <v>1522</v>
      </c>
    </row>
    <row r="19" spans="1:11" ht="15" customHeight="1">
      <c r="A19" s="17" t="s">
        <v>35</v>
      </c>
      <c r="B19" s="17"/>
      <c r="C19" s="13">
        <v>2317</v>
      </c>
      <c r="D19" s="19">
        <v>1181</v>
      </c>
      <c r="E19" s="19">
        <v>1136</v>
      </c>
      <c r="F19" s="19">
        <v>1136</v>
      </c>
      <c r="G19" s="18" t="s">
        <v>36</v>
      </c>
      <c r="H19" s="17"/>
      <c r="I19" s="13">
        <v>2833</v>
      </c>
      <c r="J19" s="19">
        <v>1435</v>
      </c>
      <c r="K19" s="19">
        <v>1398</v>
      </c>
    </row>
    <row r="20" spans="1:11" ht="15" customHeight="1">
      <c r="A20" s="17" t="s">
        <v>37</v>
      </c>
      <c r="B20" s="17"/>
      <c r="C20" s="13">
        <v>2411</v>
      </c>
      <c r="D20" s="19">
        <v>1257</v>
      </c>
      <c r="E20" s="19">
        <v>1154</v>
      </c>
      <c r="F20" s="19">
        <v>1154</v>
      </c>
      <c r="G20" s="18" t="s">
        <v>38</v>
      </c>
      <c r="H20" s="17"/>
      <c r="I20" s="13">
        <v>2805</v>
      </c>
      <c r="J20" s="19">
        <v>1442</v>
      </c>
      <c r="K20" s="19">
        <v>1363</v>
      </c>
    </row>
    <row r="21" spans="1:11" ht="15" customHeight="1">
      <c r="A21" s="17" t="s">
        <v>39</v>
      </c>
      <c r="B21" s="17"/>
      <c r="C21" s="13">
        <v>2343</v>
      </c>
      <c r="D21" s="19">
        <v>1192</v>
      </c>
      <c r="E21" s="19">
        <v>1151</v>
      </c>
      <c r="F21" s="19">
        <v>1151</v>
      </c>
      <c r="G21" s="18" t="s">
        <v>40</v>
      </c>
      <c r="H21" s="17"/>
      <c r="I21" s="13">
        <v>2673</v>
      </c>
      <c r="J21" s="19">
        <v>1371</v>
      </c>
      <c r="K21" s="19">
        <v>1302</v>
      </c>
    </row>
    <row r="22" spans="1:11" ht="15" customHeight="1">
      <c r="A22" s="17" t="s">
        <v>41</v>
      </c>
      <c r="B22" s="17"/>
      <c r="C22" s="13">
        <v>2409</v>
      </c>
      <c r="D22" s="19">
        <v>1276</v>
      </c>
      <c r="E22" s="19">
        <v>1133</v>
      </c>
      <c r="F22" s="19">
        <v>1133</v>
      </c>
      <c r="G22" s="18" t="s">
        <v>42</v>
      </c>
      <c r="H22" s="17"/>
      <c r="I22" s="13">
        <v>2822</v>
      </c>
      <c r="J22" s="19">
        <v>1465</v>
      </c>
      <c r="K22" s="19">
        <v>1357</v>
      </c>
    </row>
    <row r="23" spans="1:11" ht="20.100000000000001" customHeight="1">
      <c r="A23" s="17" t="s">
        <v>43</v>
      </c>
      <c r="B23" s="17"/>
      <c r="C23" s="13">
        <v>12515</v>
      </c>
      <c r="D23" s="14">
        <v>6336</v>
      </c>
      <c r="E23" s="14">
        <v>6179</v>
      </c>
      <c r="F23" s="14"/>
      <c r="G23" s="18" t="s">
        <v>44</v>
      </c>
      <c r="H23" s="17"/>
      <c r="I23" s="13">
        <v>14997</v>
      </c>
      <c r="J23" s="14">
        <v>7516</v>
      </c>
      <c r="K23" s="14">
        <v>7481</v>
      </c>
    </row>
    <row r="24" spans="1:11" ht="15" customHeight="1">
      <c r="A24" s="17" t="s">
        <v>45</v>
      </c>
      <c r="B24" s="17"/>
      <c r="C24" s="13">
        <v>2339</v>
      </c>
      <c r="D24" s="19">
        <v>1143</v>
      </c>
      <c r="E24" s="19">
        <v>1196</v>
      </c>
      <c r="F24" s="19"/>
      <c r="G24" s="18" t="s">
        <v>46</v>
      </c>
      <c r="H24" s="17"/>
      <c r="I24" s="13">
        <v>2840</v>
      </c>
      <c r="J24" s="19">
        <v>1509</v>
      </c>
      <c r="K24" s="19">
        <v>1331</v>
      </c>
    </row>
    <row r="25" spans="1:11" ht="15" customHeight="1">
      <c r="A25" s="17" t="s">
        <v>47</v>
      </c>
      <c r="B25" s="17"/>
      <c r="C25" s="13">
        <v>2290</v>
      </c>
      <c r="D25" s="19">
        <v>1170</v>
      </c>
      <c r="E25" s="19">
        <v>1120</v>
      </c>
      <c r="F25" s="19"/>
      <c r="G25" s="18" t="s">
        <v>48</v>
      </c>
      <c r="H25" s="17"/>
      <c r="I25" s="13">
        <v>2768</v>
      </c>
      <c r="J25" s="19">
        <v>1405</v>
      </c>
      <c r="K25" s="19">
        <v>1363</v>
      </c>
    </row>
    <row r="26" spans="1:11" ht="15" customHeight="1">
      <c r="A26" s="17" t="s">
        <v>49</v>
      </c>
      <c r="B26" s="17"/>
      <c r="C26" s="13">
        <v>2408</v>
      </c>
      <c r="D26" s="19">
        <v>1238</v>
      </c>
      <c r="E26" s="19">
        <v>1170</v>
      </c>
      <c r="F26" s="19"/>
      <c r="G26" s="18" t="s">
        <v>50</v>
      </c>
      <c r="H26" s="17"/>
      <c r="I26" s="13">
        <v>2946</v>
      </c>
      <c r="J26" s="19">
        <v>1448</v>
      </c>
      <c r="K26" s="19">
        <v>1498</v>
      </c>
    </row>
    <row r="27" spans="1:11" ht="15" customHeight="1">
      <c r="A27" s="17" t="s">
        <v>51</v>
      </c>
      <c r="B27" s="17"/>
      <c r="C27" s="13">
        <v>2563</v>
      </c>
      <c r="D27" s="19">
        <v>1328</v>
      </c>
      <c r="E27" s="19">
        <v>1235</v>
      </c>
      <c r="F27" s="19"/>
      <c r="G27" s="18" t="s">
        <v>52</v>
      </c>
      <c r="H27" s="17"/>
      <c r="I27" s="13">
        <v>3187</v>
      </c>
      <c r="J27" s="19">
        <v>1538</v>
      </c>
      <c r="K27" s="19">
        <v>1649</v>
      </c>
    </row>
    <row r="28" spans="1:11" ht="15" customHeight="1">
      <c r="A28" s="17" t="s">
        <v>53</v>
      </c>
      <c r="B28" s="17"/>
      <c r="C28" s="13">
        <v>2915</v>
      </c>
      <c r="D28" s="19">
        <v>1457</v>
      </c>
      <c r="E28" s="19">
        <v>1458</v>
      </c>
      <c r="F28" s="19"/>
      <c r="G28" s="18" t="s">
        <v>54</v>
      </c>
      <c r="H28" s="17"/>
      <c r="I28" s="13">
        <v>3256</v>
      </c>
      <c r="J28" s="19">
        <v>1616</v>
      </c>
      <c r="K28" s="19">
        <v>1640</v>
      </c>
    </row>
    <row r="29" spans="1:11" ht="20.100000000000001" customHeight="1">
      <c r="A29" s="17" t="s">
        <v>55</v>
      </c>
      <c r="B29" s="17"/>
      <c r="C29" s="13">
        <v>15297</v>
      </c>
      <c r="D29" s="14">
        <v>7801</v>
      </c>
      <c r="E29" s="14">
        <v>7496</v>
      </c>
      <c r="F29" s="14"/>
      <c r="G29" s="18" t="s">
        <v>56</v>
      </c>
      <c r="H29" s="17"/>
      <c r="I29" s="13">
        <v>17955</v>
      </c>
      <c r="J29" s="14">
        <v>8254</v>
      </c>
      <c r="K29" s="14">
        <v>9701</v>
      </c>
    </row>
    <row r="30" spans="1:11" ht="15" customHeight="1">
      <c r="A30" s="17" t="s">
        <v>57</v>
      </c>
      <c r="B30" s="17"/>
      <c r="C30" s="13">
        <v>3168</v>
      </c>
      <c r="D30" s="19">
        <v>1573</v>
      </c>
      <c r="E30" s="19">
        <v>1595</v>
      </c>
      <c r="F30" s="19"/>
      <c r="G30" s="18" t="s">
        <v>58</v>
      </c>
      <c r="H30" s="17"/>
      <c r="I30" s="13">
        <v>3469</v>
      </c>
      <c r="J30" s="19">
        <v>1618</v>
      </c>
      <c r="K30" s="19">
        <v>1851</v>
      </c>
    </row>
    <row r="31" spans="1:11" ht="15" customHeight="1">
      <c r="A31" s="17" t="s">
        <v>59</v>
      </c>
      <c r="B31" s="17"/>
      <c r="C31" s="13">
        <v>3125</v>
      </c>
      <c r="D31" s="19">
        <v>1616</v>
      </c>
      <c r="E31" s="19">
        <v>1509</v>
      </c>
      <c r="F31" s="19"/>
      <c r="G31" s="18" t="s">
        <v>60</v>
      </c>
      <c r="H31" s="17"/>
      <c r="I31" s="13">
        <v>3919</v>
      </c>
      <c r="J31" s="19">
        <v>1832</v>
      </c>
      <c r="K31" s="19">
        <v>2087</v>
      </c>
    </row>
    <row r="32" spans="1:11" ht="15" customHeight="1">
      <c r="A32" s="17" t="s">
        <v>61</v>
      </c>
      <c r="B32" s="17"/>
      <c r="C32" s="13">
        <v>3144</v>
      </c>
      <c r="D32" s="19">
        <v>1584</v>
      </c>
      <c r="E32" s="19">
        <v>1560</v>
      </c>
      <c r="F32" s="19"/>
      <c r="G32" s="18" t="s">
        <v>62</v>
      </c>
      <c r="H32" s="17"/>
      <c r="I32" s="13">
        <v>3983</v>
      </c>
      <c r="J32" s="19">
        <v>1807</v>
      </c>
      <c r="K32" s="19">
        <v>2176</v>
      </c>
    </row>
    <row r="33" spans="1:11" ht="15" customHeight="1">
      <c r="A33" s="17" t="s">
        <v>63</v>
      </c>
      <c r="B33" s="17"/>
      <c r="C33" s="13">
        <v>2992</v>
      </c>
      <c r="D33" s="19">
        <v>1577</v>
      </c>
      <c r="E33" s="19">
        <v>1415</v>
      </c>
      <c r="F33" s="19"/>
      <c r="G33" s="18" t="s">
        <v>64</v>
      </c>
      <c r="H33" s="17"/>
      <c r="I33" s="13">
        <v>3914</v>
      </c>
      <c r="J33" s="19">
        <v>1785</v>
      </c>
      <c r="K33" s="19">
        <v>2129</v>
      </c>
    </row>
    <row r="34" spans="1:11" ht="15" customHeight="1">
      <c r="A34" s="17" t="s">
        <v>65</v>
      </c>
      <c r="B34" s="17"/>
      <c r="C34" s="13">
        <v>2868</v>
      </c>
      <c r="D34" s="19">
        <v>1451</v>
      </c>
      <c r="E34" s="19">
        <v>1417</v>
      </c>
      <c r="F34" s="19"/>
      <c r="G34" s="18" t="s">
        <v>66</v>
      </c>
      <c r="H34" s="17"/>
      <c r="I34" s="13">
        <v>2670</v>
      </c>
      <c r="J34" s="19">
        <v>1212</v>
      </c>
      <c r="K34" s="19">
        <v>1458</v>
      </c>
    </row>
    <row r="35" spans="1:11" ht="20.100000000000001" customHeight="1">
      <c r="A35" s="17" t="s">
        <v>67</v>
      </c>
      <c r="B35" s="17"/>
      <c r="C35" s="13">
        <v>13838</v>
      </c>
      <c r="D35" s="14">
        <v>7189</v>
      </c>
      <c r="E35" s="14">
        <v>6649</v>
      </c>
      <c r="F35" s="14"/>
      <c r="G35" s="18" t="s">
        <v>68</v>
      </c>
      <c r="H35" s="17"/>
      <c r="I35" s="13">
        <v>14839</v>
      </c>
      <c r="J35" s="14">
        <v>6739</v>
      </c>
      <c r="K35" s="14">
        <v>8100</v>
      </c>
    </row>
    <row r="36" spans="1:11" ht="15" customHeight="1">
      <c r="A36" s="17" t="s">
        <v>69</v>
      </c>
      <c r="B36" s="17"/>
      <c r="C36" s="13">
        <v>2827</v>
      </c>
      <c r="D36" s="19">
        <v>1401</v>
      </c>
      <c r="E36" s="19">
        <v>1426</v>
      </c>
      <c r="F36" s="19"/>
      <c r="G36" s="18" t="s">
        <v>70</v>
      </c>
      <c r="H36" s="17"/>
      <c r="I36" s="13">
        <v>2528</v>
      </c>
      <c r="J36" s="19">
        <v>1137</v>
      </c>
      <c r="K36" s="19">
        <v>1391</v>
      </c>
    </row>
    <row r="37" spans="1:11" ht="15" customHeight="1">
      <c r="A37" s="17" t="s">
        <v>71</v>
      </c>
      <c r="B37" s="17"/>
      <c r="C37" s="13">
        <v>2926</v>
      </c>
      <c r="D37" s="19">
        <v>1539</v>
      </c>
      <c r="E37" s="19">
        <v>1387</v>
      </c>
      <c r="F37" s="19"/>
      <c r="G37" s="18" t="s">
        <v>72</v>
      </c>
      <c r="H37" s="17"/>
      <c r="I37" s="13">
        <v>3120</v>
      </c>
      <c r="J37" s="19">
        <v>1421</v>
      </c>
      <c r="K37" s="19">
        <v>1699</v>
      </c>
    </row>
    <row r="38" spans="1:11" ht="15" customHeight="1">
      <c r="A38" s="17" t="s">
        <v>73</v>
      </c>
      <c r="B38" s="17"/>
      <c r="C38" s="13">
        <v>2618</v>
      </c>
      <c r="D38" s="19">
        <v>1345</v>
      </c>
      <c r="E38" s="19">
        <v>1273</v>
      </c>
      <c r="F38" s="19"/>
      <c r="G38" s="18" t="s">
        <v>74</v>
      </c>
      <c r="H38" s="17"/>
      <c r="I38" s="13">
        <v>3266</v>
      </c>
      <c r="J38" s="19">
        <v>1474</v>
      </c>
      <c r="K38" s="19">
        <v>1792</v>
      </c>
    </row>
    <row r="39" spans="1:11" ht="15" customHeight="1">
      <c r="A39" s="17" t="s">
        <v>75</v>
      </c>
      <c r="B39" s="17"/>
      <c r="C39" s="13">
        <v>2764</v>
      </c>
      <c r="D39" s="19">
        <v>1480</v>
      </c>
      <c r="E39" s="19">
        <v>1284</v>
      </c>
      <c r="F39" s="19"/>
      <c r="G39" s="18" t="s">
        <v>76</v>
      </c>
      <c r="H39" s="17"/>
      <c r="I39" s="13">
        <v>2998</v>
      </c>
      <c r="J39" s="19">
        <v>1374</v>
      </c>
      <c r="K39" s="19">
        <v>1624</v>
      </c>
    </row>
    <row r="40" spans="1:11" ht="15" customHeight="1">
      <c r="A40" s="17" t="s">
        <v>77</v>
      </c>
      <c r="B40" s="17"/>
      <c r="C40" s="13">
        <v>2703</v>
      </c>
      <c r="D40" s="19">
        <v>1424</v>
      </c>
      <c r="E40" s="19">
        <v>1279</v>
      </c>
      <c r="F40" s="19"/>
      <c r="G40" s="18" t="s">
        <v>78</v>
      </c>
      <c r="H40" s="17"/>
      <c r="I40" s="13">
        <v>2927</v>
      </c>
      <c r="J40" s="19">
        <v>1333</v>
      </c>
      <c r="K40" s="19">
        <v>1594</v>
      </c>
    </row>
    <row r="41" spans="1:11" ht="20.100000000000001" customHeight="1">
      <c r="A41" s="17" t="s">
        <v>79</v>
      </c>
      <c r="B41" s="17"/>
      <c r="C41" s="13">
        <v>14013</v>
      </c>
      <c r="D41" s="14">
        <v>7310</v>
      </c>
      <c r="E41" s="14">
        <v>6703</v>
      </c>
      <c r="F41" s="14"/>
      <c r="G41" s="18" t="s">
        <v>80</v>
      </c>
      <c r="H41" s="17"/>
      <c r="I41" s="13">
        <v>10407</v>
      </c>
      <c r="J41" s="14">
        <v>4853</v>
      </c>
      <c r="K41" s="14">
        <v>5554</v>
      </c>
    </row>
    <row r="42" spans="1:11" ht="15" customHeight="1">
      <c r="A42" s="17" t="s">
        <v>81</v>
      </c>
      <c r="B42" s="17"/>
      <c r="C42" s="13">
        <v>2665</v>
      </c>
      <c r="D42" s="19">
        <v>1355</v>
      </c>
      <c r="E42" s="19">
        <v>1310</v>
      </c>
      <c r="F42" s="19"/>
      <c r="G42" s="18" t="s">
        <v>82</v>
      </c>
      <c r="H42" s="17"/>
      <c r="I42" s="13">
        <v>2593</v>
      </c>
      <c r="J42" s="19">
        <v>1198</v>
      </c>
      <c r="K42" s="19">
        <v>1395</v>
      </c>
    </row>
    <row r="43" spans="1:11" ht="15" customHeight="1">
      <c r="A43" s="17" t="s">
        <v>83</v>
      </c>
      <c r="B43" s="17"/>
      <c r="C43" s="13">
        <v>2795</v>
      </c>
      <c r="D43" s="19">
        <v>1458</v>
      </c>
      <c r="E43" s="19">
        <v>1337</v>
      </c>
      <c r="F43" s="19"/>
      <c r="G43" s="18" t="s">
        <v>84</v>
      </c>
      <c r="H43" s="17"/>
      <c r="I43" s="13">
        <v>2141</v>
      </c>
      <c r="J43" s="19">
        <v>1007</v>
      </c>
      <c r="K43" s="19">
        <v>1134</v>
      </c>
    </row>
    <row r="44" spans="1:11" ht="15" customHeight="1">
      <c r="A44" s="17" t="s">
        <v>85</v>
      </c>
      <c r="B44" s="17"/>
      <c r="C44" s="13">
        <v>2868</v>
      </c>
      <c r="D44" s="19">
        <v>1488</v>
      </c>
      <c r="E44" s="19">
        <v>1380</v>
      </c>
      <c r="F44" s="19"/>
      <c r="G44" s="18" t="s">
        <v>86</v>
      </c>
      <c r="H44" s="17"/>
      <c r="I44" s="13">
        <v>2015</v>
      </c>
      <c r="J44" s="19">
        <v>954</v>
      </c>
      <c r="K44" s="19">
        <v>1061</v>
      </c>
    </row>
    <row r="45" spans="1:11" ht="15" customHeight="1">
      <c r="A45" s="17" t="s">
        <v>87</v>
      </c>
      <c r="B45" s="17"/>
      <c r="C45" s="13">
        <v>2706</v>
      </c>
      <c r="D45" s="19">
        <v>1423</v>
      </c>
      <c r="E45" s="19">
        <v>1283</v>
      </c>
      <c r="F45" s="19"/>
      <c r="G45" s="18" t="s">
        <v>88</v>
      </c>
      <c r="H45" s="17"/>
      <c r="I45" s="13">
        <v>1974</v>
      </c>
      <c r="J45" s="19">
        <v>934</v>
      </c>
      <c r="K45" s="19">
        <v>1040</v>
      </c>
    </row>
    <row r="46" spans="1:11" ht="15" customHeight="1">
      <c r="A46" s="17" t="s">
        <v>89</v>
      </c>
      <c r="B46" s="17"/>
      <c r="C46" s="13">
        <v>2979</v>
      </c>
      <c r="D46" s="19">
        <v>1586</v>
      </c>
      <c r="E46" s="19">
        <v>1393</v>
      </c>
      <c r="F46" s="19"/>
      <c r="G46" s="18" t="s">
        <v>90</v>
      </c>
      <c r="H46" s="17"/>
      <c r="I46" s="13">
        <v>1684</v>
      </c>
      <c r="J46" s="19">
        <v>760</v>
      </c>
      <c r="K46" s="19">
        <v>924</v>
      </c>
    </row>
    <row r="47" spans="1:11" ht="20.100000000000001" customHeight="1">
      <c r="A47" s="17" t="s">
        <v>91</v>
      </c>
      <c r="B47" s="17"/>
      <c r="C47" s="13">
        <v>15968</v>
      </c>
      <c r="D47" s="14">
        <v>8227</v>
      </c>
      <c r="E47" s="14">
        <v>7741</v>
      </c>
      <c r="F47" s="14"/>
      <c r="G47" s="18" t="s">
        <v>92</v>
      </c>
      <c r="H47" s="17"/>
      <c r="I47" s="13">
        <v>5665</v>
      </c>
      <c r="J47" s="14">
        <v>2141</v>
      </c>
      <c r="K47" s="14">
        <v>3524</v>
      </c>
    </row>
    <row r="48" spans="1:11" ht="15" customHeight="1">
      <c r="A48" s="17" t="s">
        <v>93</v>
      </c>
      <c r="B48" s="17"/>
      <c r="C48" s="13">
        <v>3046</v>
      </c>
      <c r="D48" s="19">
        <v>1572</v>
      </c>
      <c r="E48" s="19">
        <v>1474</v>
      </c>
      <c r="F48" s="19"/>
      <c r="G48" s="18" t="s">
        <v>94</v>
      </c>
      <c r="H48" s="17"/>
      <c r="I48" s="13">
        <v>1565</v>
      </c>
      <c r="J48" s="19">
        <v>643</v>
      </c>
      <c r="K48" s="19">
        <v>922</v>
      </c>
    </row>
    <row r="49" spans="1:11" ht="15" customHeight="1">
      <c r="A49" s="17" t="s">
        <v>95</v>
      </c>
      <c r="B49" s="17"/>
      <c r="C49" s="13">
        <v>3206</v>
      </c>
      <c r="D49" s="19">
        <v>1670</v>
      </c>
      <c r="E49" s="19">
        <v>1536</v>
      </c>
      <c r="F49" s="19"/>
      <c r="G49" s="18" t="s">
        <v>96</v>
      </c>
      <c r="H49" s="17"/>
      <c r="I49" s="13">
        <v>1198</v>
      </c>
      <c r="J49" s="19">
        <v>489</v>
      </c>
      <c r="K49" s="19">
        <v>709</v>
      </c>
    </row>
    <row r="50" spans="1:11" ht="15" customHeight="1">
      <c r="A50" s="17" t="s">
        <v>97</v>
      </c>
      <c r="B50" s="17"/>
      <c r="C50" s="13">
        <v>3265</v>
      </c>
      <c r="D50" s="19">
        <v>1603</v>
      </c>
      <c r="E50" s="19">
        <v>1662</v>
      </c>
      <c r="F50" s="19"/>
      <c r="G50" s="18" t="s">
        <v>98</v>
      </c>
      <c r="H50" s="17"/>
      <c r="I50" s="13">
        <v>1125</v>
      </c>
      <c r="J50" s="19">
        <v>409</v>
      </c>
      <c r="K50" s="19">
        <v>716</v>
      </c>
    </row>
    <row r="51" spans="1:11" ht="15" customHeight="1">
      <c r="A51" s="17" t="s">
        <v>99</v>
      </c>
      <c r="B51" s="17"/>
      <c r="C51" s="13">
        <v>3147</v>
      </c>
      <c r="D51" s="19">
        <v>1654</v>
      </c>
      <c r="E51" s="19">
        <v>1493</v>
      </c>
      <c r="F51" s="19"/>
      <c r="G51" s="18" t="s">
        <v>100</v>
      </c>
      <c r="H51" s="17"/>
      <c r="I51" s="13">
        <v>987</v>
      </c>
      <c r="J51" s="19">
        <v>333</v>
      </c>
      <c r="K51" s="19">
        <v>654</v>
      </c>
    </row>
    <row r="52" spans="1:11" ht="15" customHeight="1">
      <c r="A52" s="17" t="s">
        <v>101</v>
      </c>
      <c r="B52" s="17"/>
      <c r="C52" s="13">
        <v>3304</v>
      </c>
      <c r="D52" s="19">
        <v>1728</v>
      </c>
      <c r="E52" s="19">
        <v>1576</v>
      </c>
      <c r="F52" s="19"/>
      <c r="G52" s="18" t="s">
        <v>102</v>
      </c>
      <c r="H52" s="17"/>
      <c r="I52" s="13">
        <v>790</v>
      </c>
      <c r="J52" s="19">
        <v>267</v>
      </c>
      <c r="K52" s="19">
        <v>523</v>
      </c>
    </row>
    <row r="53" spans="1:11" ht="20.100000000000001" customHeight="1">
      <c r="A53" s="17" t="s">
        <v>103</v>
      </c>
      <c r="B53" s="17"/>
      <c r="C53" s="13">
        <v>18502</v>
      </c>
      <c r="D53" s="14">
        <v>9721</v>
      </c>
      <c r="E53" s="14">
        <v>8781</v>
      </c>
      <c r="F53" s="14"/>
      <c r="G53" s="18" t="s">
        <v>104</v>
      </c>
      <c r="H53" s="17"/>
      <c r="I53" s="13">
        <v>2397</v>
      </c>
      <c r="J53" s="14">
        <v>713</v>
      </c>
      <c r="K53" s="14">
        <v>1684</v>
      </c>
    </row>
    <row r="54" spans="1:11" ht="15" customHeight="1">
      <c r="A54" s="17" t="s">
        <v>105</v>
      </c>
      <c r="B54" s="17"/>
      <c r="C54" s="13">
        <v>3439</v>
      </c>
      <c r="D54" s="19">
        <v>1812</v>
      </c>
      <c r="E54" s="19">
        <v>1627</v>
      </c>
      <c r="F54" s="19"/>
      <c r="G54" s="18" t="s">
        <v>106</v>
      </c>
      <c r="H54" s="17"/>
      <c r="I54" s="13">
        <v>739</v>
      </c>
      <c r="J54" s="19">
        <v>241</v>
      </c>
      <c r="K54" s="19">
        <v>498</v>
      </c>
    </row>
    <row r="55" spans="1:11" ht="15" customHeight="1">
      <c r="A55" s="17" t="s">
        <v>107</v>
      </c>
      <c r="B55" s="17"/>
      <c r="C55" s="13">
        <v>3512</v>
      </c>
      <c r="D55" s="19">
        <v>1817</v>
      </c>
      <c r="E55" s="19">
        <v>1695</v>
      </c>
      <c r="F55" s="19"/>
      <c r="G55" s="18" t="s">
        <v>108</v>
      </c>
      <c r="H55" s="17"/>
      <c r="I55" s="13">
        <v>586</v>
      </c>
      <c r="J55" s="19">
        <v>171</v>
      </c>
      <c r="K55" s="19">
        <v>415</v>
      </c>
    </row>
    <row r="56" spans="1:11" ht="15" customHeight="1">
      <c r="A56" s="17" t="s">
        <v>109</v>
      </c>
      <c r="B56" s="17"/>
      <c r="C56" s="13">
        <v>3659</v>
      </c>
      <c r="D56" s="19">
        <v>1903</v>
      </c>
      <c r="E56" s="19">
        <v>1756</v>
      </c>
      <c r="F56" s="19"/>
      <c r="G56" s="18" t="s">
        <v>110</v>
      </c>
      <c r="H56" s="17"/>
      <c r="I56" s="13">
        <v>487</v>
      </c>
      <c r="J56" s="19">
        <v>143</v>
      </c>
      <c r="K56" s="19">
        <v>344</v>
      </c>
    </row>
    <row r="57" spans="1:11" ht="15" customHeight="1">
      <c r="A57" s="17" t="s">
        <v>111</v>
      </c>
      <c r="B57" s="17"/>
      <c r="C57" s="13">
        <v>3869</v>
      </c>
      <c r="D57" s="19">
        <v>2016</v>
      </c>
      <c r="E57" s="19">
        <v>1853</v>
      </c>
      <c r="F57" s="19"/>
      <c r="G57" s="18" t="s">
        <v>112</v>
      </c>
      <c r="H57" s="17"/>
      <c r="I57" s="13">
        <v>318</v>
      </c>
      <c r="J57" s="19">
        <v>87</v>
      </c>
      <c r="K57" s="19">
        <v>231</v>
      </c>
    </row>
    <row r="58" spans="1:11" ht="15" customHeight="1">
      <c r="A58" s="17" t="s">
        <v>113</v>
      </c>
      <c r="B58" s="17"/>
      <c r="C58" s="13">
        <v>4023</v>
      </c>
      <c r="D58" s="19">
        <v>2173</v>
      </c>
      <c r="E58" s="19">
        <v>1850</v>
      </c>
      <c r="F58" s="19"/>
      <c r="G58" s="18" t="s">
        <v>114</v>
      </c>
      <c r="H58" s="17"/>
      <c r="I58" s="13">
        <v>267</v>
      </c>
      <c r="J58" s="19">
        <v>71</v>
      </c>
      <c r="K58" s="19">
        <v>196</v>
      </c>
    </row>
    <row r="59" spans="1:11" ht="20.100000000000001" customHeight="1">
      <c r="A59" s="17" t="s">
        <v>115</v>
      </c>
      <c r="B59" s="17"/>
      <c r="C59" s="13">
        <v>23028</v>
      </c>
      <c r="D59" s="14">
        <v>12061</v>
      </c>
      <c r="E59" s="14">
        <v>10967</v>
      </c>
      <c r="F59" s="14"/>
      <c r="G59" s="18" t="s">
        <v>116</v>
      </c>
      <c r="H59" s="17"/>
      <c r="I59" s="13">
        <v>605</v>
      </c>
      <c r="J59" s="14">
        <v>116</v>
      </c>
      <c r="K59" s="14">
        <v>489</v>
      </c>
    </row>
    <row r="60" spans="1:11" ht="15" customHeight="1">
      <c r="A60" s="17" t="s">
        <v>117</v>
      </c>
      <c r="B60" s="17"/>
      <c r="C60" s="13">
        <v>4164</v>
      </c>
      <c r="D60" s="19">
        <v>2122</v>
      </c>
      <c r="E60" s="19">
        <v>2042</v>
      </c>
      <c r="F60" s="19"/>
      <c r="G60" s="18" t="s">
        <v>118</v>
      </c>
      <c r="H60" s="17"/>
      <c r="I60" s="13">
        <v>219</v>
      </c>
      <c r="J60" s="19">
        <v>55</v>
      </c>
      <c r="K60" s="19">
        <v>164</v>
      </c>
    </row>
    <row r="61" spans="1:11" ht="15" customHeight="1">
      <c r="A61" s="17" t="s">
        <v>119</v>
      </c>
      <c r="B61" s="17"/>
      <c r="C61" s="13">
        <v>4525</v>
      </c>
      <c r="D61" s="19">
        <v>2414</v>
      </c>
      <c r="E61" s="19">
        <v>2111</v>
      </c>
      <c r="F61" s="19"/>
      <c r="G61" s="18" t="s">
        <v>120</v>
      </c>
      <c r="H61" s="17"/>
      <c r="I61" s="13">
        <v>144</v>
      </c>
      <c r="J61" s="19">
        <v>27</v>
      </c>
      <c r="K61" s="19">
        <v>117</v>
      </c>
    </row>
    <row r="62" spans="1:11" ht="15" customHeight="1">
      <c r="A62" s="17" t="s">
        <v>121</v>
      </c>
      <c r="B62" s="17"/>
      <c r="C62" s="13">
        <v>4742</v>
      </c>
      <c r="D62" s="19">
        <v>2488</v>
      </c>
      <c r="E62" s="19">
        <v>2254</v>
      </c>
      <c r="F62" s="19"/>
      <c r="G62" s="18" t="s">
        <v>122</v>
      </c>
      <c r="H62" s="17"/>
      <c r="I62" s="13">
        <v>115</v>
      </c>
      <c r="J62" s="19">
        <v>17</v>
      </c>
      <c r="K62" s="19">
        <v>98</v>
      </c>
    </row>
    <row r="63" spans="1:11" ht="15" customHeight="1">
      <c r="A63" s="17" t="s">
        <v>123</v>
      </c>
      <c r="B63" s="17"/>
      <c r="C63" s="13">
        <v>4803</v>
      </c>
      <c r="D63" s="19">
        <v>2532</v>
      </c>
      <c r="E63" s="19">
        <v>2271</v>
      </c>
      <c r="F63" s="19"/>
      <c r="G63" s="18" t="s">
        <v>124</v>
      </c>
      <c r="H63" s="17"/>
      <c r="I63" s="13">
        <v>77</v>
      </c>
      <c r="J63" s="19">
        <v>13</v>
      </c>
      <c r="K63" s="19">
        <v>64</v>
      </c>
    </row>
    <row r="64" spans="1:11" ht="15" customHeight="1">
      <c r="A64" s="17" t="s">
        <v>125</v>
      </c>
      <c r="B64" s="17"/>
      <c r="C64" s="13">
        <v>4794</v>
      </c>
      <c r="D64" s="19">
        <v>2505</v>
      </c>
      <c r="E64" s="19">
        <v>2289</v>
      </c>
      <c r="F64" s="19"/>
      <c r="G64" s="18" t="s">
        <v>126</v>
      </c>
      <c r="H64" s="17"/>
      <c r="I64" s="13">
        <v>50</v>
      </c>
      <c r="J64" s="19">
        <v>4</v>
      </c>
      <c r="K64" s="19">
        <v>4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91</v>
      </c>
      <c r="J65" s="19">
        <v>16</v>
      </c>
      <c r="K65" s="19">
        <v>7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406</v>
      </c>
      <c r="J66" s="29">
        <v>3876</v>
      </c>
      <c r="K66" s="29">
        <v>453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3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81503</v>
      </c>
      <c r="D4" s="14">
        <v>139473</v>
      </c>
      <c r="E4" s="14">
        <v>14203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584</v>
      </c>
      <c r="D5" s="14">
        <v>4848</v>
      </c>
      <c r="E5" s="14">
        <v>4736</v>
      </c>
      <c r="F5" s="14"/>
      <c r="G5" s="18" t="s">
        <v>8</v>
      </c>
      <c r="H5" s="17"/>
      <c r="I5" s="13">
        <v>21683</v>
      </c>
      <c r="J5" s="14">
        <v>11219</v>
      </c>
      <c r="K5" s="14">
        <v>10464</v>
      </c>
    </row>
    <row r="6" spans="1:11" ht="15" customHeight="1">
      <c r="A6" s="17" t="s">
        <v>9</v>
      </c>
      <c r="B6" s="17"/>
      <c r="C6" s="13">
        <v>1820</v>
      </c>
      <c r="D6" s="19">
        <v>930</v>
      </c>
      <c r="E6" s="19">
        <v>890</v>
      </c>
      <c r="F6" s="19"/>
      <c r="G6" s="18" t="s">
        <v>10</v>
      </c>
      <c r="H6" s="17"/>
      <c r="I6" s="13">
        <v>4707</v>
      </c>
      <c r="J6" s="19">
        <v>2408</v>
      </c>
      <c r="K6" s="19">
        <v>2299</v>
      </c>
    </row>
    <row r="7" spans="1:11" ht="15" customHeight="1">
      <c r="A7" s="17" t="s">
        <v>11</v>
      </c>
      <c r="B7" s="17"/>
      <c r="C7" s="13">
        <v>1896</v>
      </c>
      <c r="D7" s="19">
        <v>949</v>
      </c>
      <c r="E7" s="19">
        <v>947</v>
      </c>
      <c r="F7" s="19"/>
      <c r="G7" s="18" t="s">
        <v>12</v>
      </c>
      <c r="H7" s="17"/>
      <c r="I7" s="13">
        <v>4532</v>
      </c>
      <c r="J7" s="19">
        <v>2386</v>
      </c>
      <c r="K7" s="19">
        <v>2146</v>
      </c>
    </row>
    <row r="8" spans="1:11" ht="15" customHeight="1">
      <c r="A8" s="17" t="s">
        <v>13</v>
      </c>
      <c r="B8" s="17"/>
      <c r="C8" s="13">
        <v>1903</v>
      </c>
      <c r="D8" s="19">
        <v>984</v>
      </c>
      <c r="E8" s="19">
        <v>919</v>
      </c>
      <c r="F8" s="19"/>
      <c r="G8" s="18" t="s">
        <v>14</v>
      </c>
      <c r="H8" s="17"/>
      <c r="I8" s="13">
        <v>4483</v>
      </c>
      <c r="J8" s="19">
        <v>2329</v>
      </c>
      <c r="K8" s="19">
        <v>2154</v>
      </c>
    </row>
    <row r="9" spans="1:11" ht="15" customHeight="1">
      <c r="A9" s="17" t="s">
        <v>15</v>
      </c>
      <c r="B9" s="17"/>
      <c r="C9" s="13">
        <v>1977</v>
      </c>
      <c r="D9" s="19">
        <v>979</v>
      </c>
      <c r="E9" s="19">
        <v>998</v>
      </c>
      <c r="F9" s="19"/>
      <c r="G9" s="18" t="s">
        <v>16</v>
      </c>
      <c r="H9" s="17"/>
      <c r="I9" s="13">
        <v>4583</v>
      </c>
      <c r="J9" s="19">
        <v>2357</v>
      </c>
      <c r="K9" s="19">
        <v>2226</v>
      </c>
    </row>
    <row r="10" spans="1:11" ht="15" customHeight="1">
      <c r="A10" s="17" t="s">
        <v>17</v>
      </c>
      <c r="B10" s="17"/>
      <c r="C10" s="13">
        <v>1988</v>
      </c>
      <c r="D10" s="19">
        <v>1006</v>
      </c>
      <c r="E10" s="19">
        <v>982</v>
      </c>
      <c r="F10" s="19"/>
      <c r="G10" s="18" t="s">
        <v>18</v>
      </c>
      <c r="H10" s="17"/>
      <c r="I10" s="13">
        <v>3378</v>
      </c>
      <c r="J10" s="19">
        <v>1739</v>
      </c>
      <c r="K10" s="19">
        <v>1639</v>
      </c>
    </row>
    <row r="11" spans="1:11" ht="20.100000000000001" customHeight="1">
      <c r="A11" s="17" t="s">
        <v>19</v>
      </c>
      <c r="B11" s="17"/>
      <c r="C11" s="13">
        <v>10400</v>
      </c>
      <c r="D11" s="14">
        <v>5375</v>
      </c>
      <c r="E11" s="14">
        <v>5025</v>
      </c>
      <c r="F11" s="14"/>
      <c r="G11" s="18" t="s">
        <v>20</v>
      </c>
      <c r="H11" s="17"/>
      <c r="I11" s="13">
        <v>18089</v>
      </c>
      <c r="J11" s="14">
        <v>9405</v>
      </c>
      <c r="K11" s="14">
        <v>8684</v>
      </c>
    </row>
    <row r="12" spans="1:11" ht="15" customHeight="1">
      <c r="A12" s="17" t="s">
        <v>21</v>
      </c>
      <c r="B12" s="17"/>
      <c r="C12" s="13">
        <v>2042</v>
      </c>
      <c r="D12" s="19">
        <v>1099</v>
      </c>
      <c r="E12" s="19">
        <v>943</v>
      </c>
      <c r="F12" s="19"/>
      <c r="G12" s="18" t="s">
        <v>22</v>
      </c>
      <c r="H12" s="17"/>
      <c r="I12" s="13">
        <v>4255</v>
      </c>
      <c r="J12" s="19">
        <v>2252</v>
      </c>
      <c r="K12" s="19">
        <v>2003</v>
      </c>
    </row>
    <row r="13" spans="1:11" ht="15" customHeight="1">
      <c r="A13" s="17" t="s">
        <v>23</v>
      </c>
      <c r="B13" s="17"/>
      <c r="C13" s="13">
        <v>2108</v>
      </c>
      <c r="D13" s="19">
        <v>1072</v>
      </c>
      <c r="E13" s="19">
        <v>1036</v>
      </c>
      <c r="F13" s="19"/>
      <c r="G13" s="18" t="s">
        <v>24</v>
      </c>
      <c r="H13" s="17"/>
      <c r="I13" s="13">
        <v>3738</v>
      </c>
      <c r="J13" s="19">
        <v>1953</v>
      </c>
      <c r="K13" s="19">
        <v>1785</v>
      </c>
    </row>
    <row r="14" spans="1:11" ht="15" customHeight="1">
      <c r="A14" s="17" t="s">
        <v>25</v>
      </c>
      <c r="B14" s="17"/>
      <c r="C14" s="13">
        <v>2034</v>
      </c>
      <c r="D14" s="19">
        <v>1079</v>
      </c>
      <c r="E14" s="19">
        <v>955</v>
      </c>
      <c r="F14" s="19"/>
      <c r="G14" s="18" t="s">
        <v>26</v>
      </c>
      <c r="H14" s="17"/>
      <c r="I14" s="13">
        <v>3571</v>
      </c>
      <c r="J14" s="19">
        <v>1836</v>
      </c>
      <c r="K14" s="19">
        <v>1735</v>
      </c>
    </row>
    <row r="15" spans="1:11" ht="15" customHeight="1">
      <c r="A15" s="17" t="s">
        <v>27</v>
      </c>
      <c r="B15" s="17"/>
      <c r="C15" s="13">
        <v>2090</v>
      </c>
      <c r="D15" s="19">
        <v>1038</v>
      </c>
      <c r="E15" s="19">
        <v>1052</v>
      </c>
      <c r="F15" s="19"/>
      <c r="G15" s="18" t="s">
        <v>28</v>
      </c>
      <c r="H15" s="17"/>
      <c r="I15" s="13">
        <v>3347</v>
      </c>
      <c r="J15" s="19">
        <v>1703</v>
      </c>
      <c r="K15" s="19">
        <v>1644</v>
      </c>
    </row>
    <row r="16" spans="1:11" ht="15" customHeight="1">
      <c r="A16" s="17" t="s">
        <v>29</v>
      </c>
      <c r="B16" s="17"/>
      <c r="C16" s="13">
        <v>2126</v>
      </c>
      <c r="D16" s="19">
        <v>1087</v>
      </c>
      <c r="E16" s="19">
        <v>1039</v>
      </c>
      <c r="F16" s="19"/>
      <c r="G16" s="18" t="s">
        <v>30</v>
      </c>
      <c r="H16" s="17"/>
      <c r="I16" s="13">
        <v>3178</v>
      </c>
      <c r="J16" s="19">
        <v>1661</v>
      </c>
      <c r="K16" s="19">
        <v>1517</v>
      </c>
    </row>
    <row r="17" spans="1:11" ht="20.100000000000001" customHeight="1">
      <c r="A17" s="20" t="s">
        <v>31</v>
      </c>
      <c r="B17" s="20"/>
      <c r="C17" s="13">
        <v>11170</v>
      </c>
      <c r="D17" s="14">
        <v>5733</v>
      </c>
      <c r="E17" s="14">
        <v>5437</v>
      </c>
      <c r="F17" s="14"/>
      <c r="G17" s="18" t="s">
        <v>32</v>
      </c>
      <c r="H17" s="17"/>
      <c r="I17" s="13">
        <v>14477</v>
      </c>
      <c r="J17" s="14">
        <v>7345</v>
      </c>
      <c r="K17" s="14">
        <v>7132</v>
      </c>
    </row>
    <row r="18" spans="1:11" ht="15" customHeight="1">
      <c r="A18" s="17" t="s">
        <v>33</v>
      </c>
      <c r="B18" s="17"/>
      <c r="C18" s="13">
        <v>2252</v>
      </c>
      <c r="D18" s="19">
        <v>1143</v>
      </c>
      <c r="E18" s="19">
        <v>1109</v>
      </c>
      <c r="F18" s="19">
        <v>1109</v>
      </c>
      <c r="G18" s="18" t="s">
        <v>34</v>
      </c>
      <c r="H18" s="17"/>
      <c r="I18" s="13">
        <v>3156</v>
      </c>
      <c r="J18" s="19">
        <v>1581</v>
      </c>
      <c r="K18" s="19">
        <v>1575</v>
      </c>
    </row>
    <row r="19" spans="1:11" ht="15" customHeight="1">
      <c r="A19" s="17" t="s">
        <v>35</v>
      </c>
      <c r="B19" s="17"/>
      <c r="C19" s="13">
        <v>2226</v>
      </c>
      <c r="D19" s="19">
        <v>1120</v>
      </c>
      <c r="E19" s="19">
        <v>1106</v>
      </c>
      <c r="F19" s="19">
        <v>1106</v>
      </c>
      <c r="G19" s="18" t="s">
        <v>36</v>
      </c>
      <c r="H19" s="17"/>
      <c r="I19" s="13">
        <v>3015</v>
      </c>
      <c r="J19" s="19">
        <v>1577</v>
      </c>
      <c r="K19" s="19">
        <v>1438</v>
      </c>
    </row>
    <row r="20" spans="1:11" ht="15" customHeight="1">
      <c r="A20" s="17" t="s">
        <v>37</v>
      </c>
      <c r="B20" s="17"/>
      <c r="C20" s="13">
        <v>2194</v>
      </c>
      <c r="D20" s="19">
        <v>1138</v>
      </c>
      <c r="E20" s="19">
        <v>1056</v>
      </c>
      <c r="F20" s="19">
        <v>1056</v>
      </c>
      <c r="G20" s="18" t="s">
        <v>38</v>
      </c>
      <c r="H20" s="17"/>
      <c r="I20" s="13">
        <v>2899</v>
      </c>
      <c r="J20" s="19">
        <v>1484</v>
      </c>
      <c r="K20" s="19">
        <v>1415</v>
      </c>
    </row>
    <row r="21" spans="1:11" ht="15" customHeight="1">
      <c r="A21" s="17" t="s">
        <v>39</v>
      </c>
      <c r="B21" s="17"/>
      <c r="C21" s="13">
        <v>2263</v>
      </c>
      <c r="D21" s="19">
        <v>1208</v>
      </c>
      <c r="E21" s="19">
        <v>1055</v>
      </c>
      <c r="F21" s="19">
        <v>1055</v>
      </c>
      <c r="G21" s="18" t="s">
        <v>40</v>
      </c>
      <c r="H21" s="17"/>
      <c r="I21" s="13">
        <v>2683</v>
      </c>
      <c r="J21" s="19">
        <v>1342</v>
      </c>
      <c r="K21" s="19">
        <v>1341</v>
      </c>
    </row>
    <row r="22" spans="1:11" ht="15" customHeight="1">
      <c r="A22" s="17" t="s">
        <v>41</v>
      </c>
      <c r="B22" s="17"/>
      <c r="C22" s="13">
        <v>2235</v>
      </c>
      <c r="D22" s="19">
        <v>1124</v>
      </c>
      <c r="E22" s="19">
        <v>1111</v>
      </c>
      <c r="F22" s="19">
        <v>1111</v>
      </c>
      <c r="G22" s="18" t="s">
        <v>42</v>
      </c>
      <c r="H22" s="17"/>
      <c r="I22" s="13">
        <v>2724</v>
      </c>
      <c r="J22" s="19">
        <v>1361</v>
      </c>
      <c r="K22" s="19">
        <v>1363</v>
      </c>
    </row>
    <row r="23" spans="1:11" ht="20.100000000000001" customHeight="1">
      <c r="A23" s="17" t="s">
        <v>43</v>
      </c>
      <c r="B23" s="17"/>
      <c r="C23" s="13">
        <v>11777</v>
      </c>
      <c r="D23" s="14">
        <v>5978</v>
      </c>
      <c r="E23" s="14">
        <v>5799</v>
      </c>
      <c r="F23" s="14"/>
      <c r="G23" s="18" t="s">
        <v>44</v>
      </c>
      <c r="H23" s="17"/>
      <c r="I23" s="13">
        <v>14971</v>
      </c>
      <c r="J23" s="14">
        <v>7306</v>
      </c>
      <c r="K23" s="14">
        <v>7665</v>
      </c>
    </row>
    <row r="24" spans="1:11" ht="15" customHeight="1">
      <c r="A24" s="17" t="s">
        <v>45</v>
      </c>
      <c r="B24" s="17"/>
      <c r="C24" s="13">
        <v>2114</v>
      </c>
      <c r="D24" s="19">
        <v>1091</v>
      </c>
      <c r="E24" s="19">
        <v>1023</v>
      </c>
      <c r="F24" s="19"/>
      <c r="G24" s="18" t="s">
        <v>46</v>
      </c>
      <c r="H24" s="17"/>
      <c r="I24" s="13">
        <v>2815</v>
      </c>
      <c r="J24" s="19">
        <v>1449</v>
      </c>
      <c r="K24" s="19">
        <v>1366</v>
      </c>
    </row>
    <row r="25" spans="1:11" ht="15" customHeight="1">
      <c r="A25" s="17" t="s">
        <v>47</v>
      </c>
      <c r="B25" s="17"/>
      <c r="C25" s="13">
        <v>2135</v>
      </c>
      <c r="D25" s="19">
        <v>1089</v>
      </c>
      <c r="E25" s="19">
        <v>1046</v>
      </c>
      <c r="F25" s="19"/>
      <c r="G25" s="18" t="s">
        <v>48</v>
      </c>
      <c r="H25" s="17"/>
      <c r="I25" s="13">
        <v>2828</v>
      </c>
      <c r="J25" s="19">
        <v>1320</v>
      </c>
      <c r="K25" s="19">
        <v>1508</v>
      </c>
    </row>
    <row r="26" spans="1:11" ht="15" customHeight="1">
      <c r="A26" s="17" t="s">
        <v>49</v>
      </c>
      <c r="B26" s="17"/>
      <c r="C26" s="13">
        <v>2256</v>
      </c>
      <c r="D26" s="19">
        <v>1177</v>
      </c>
      <c r="E26" s="19">
        <v>1079</v>
      </c>
      <c r="F26" s="19"/>
      <c r="G26" s="18" t="s">
        <v>50</v>
      </c>
      <c r="H26" s="17"/>
      <c r="I26" s="13">
        <v>2865</v>
      </c>
      <c r="J26" s="19">
        <v>1410</v>
      </c>
      <c r="K26" s="19">
        <v>1455</v>
      </c>
    </row>
    <row r="27" spans="1:11" ht="15" customHeight="1">
      <c r="A27" s="17" t="s">
        <v>51</v>
      </c>
      <c r="B27" s="17"/>
      <c r="C27" s="13">
        <v>2350</v>
      </c>
      <c r="D27" s="19">
        <v>1183</v>
      </c>
      <c r="E27" s="19">
        <v>1167</v>
      </c>
      <c r="F27" s="19"/>
      <c r="G27" s="18" t="s">
        <v>52</v>
      </c>
      <c r="H27" s="17"/>
      <c r="I27" s="13">
        <v>3120</v>
      </c>
      <c r="J27" s="19">
        <v>1509</v>
      </c>
      <c r="K27" s="19">
        <v>1611</v>
      </c>
    </row>
    <row r="28" spans="1:11" ht="15" customHeight="1">
      <c r="A28" s="17" t="s">
        <v>53</v>
      </c>
      <c r="B28" s="17"/>
      <c r="C28" s="13">
        <v>2922</v>
      </c>
      <c r="D28" s="19">
        <v>1438</v>
      </c>
      <c r="E28" s="19">
        <v>1484</v>
      </c>
      <c r="F28" s="19"/>
      <c r="G28" s="18" t="s">
        <v>54</v>
      </c>
      <c r="H28" s="17"/>
      <c r="I28" s="13">
        <v>3343</v>
      </c>
      <c r="J28" s="19">
        <v>1618</v>
      </c>
      <c r="K28" s="19">
        <v>1725</v>
      </c>
    </row>
    <row r="29" spans="1:11" ht="20.100000000000001" customHeight="1">
      <c r="A29" s="17" t="s">
        <v>55</v>
      </c>
      <c r="B29" s="17"/>
      <c r="C29" s="13">
        <v>15711</v>
      </c>
      <c r="D29" s="14">
        <v>7560</v>
      </c>
      <c r="E29" s="14">
        <v>8151</v>
      </c>
      <c r="F29" s="14"/>
      <c r="G29" s="18" t="s">
        <v>56</v>
      </c>
      <c r="H29" s="17"/>
      <c r="I29" s="13">
        <v>17982</v>
      </c>
      <c r="J29" s="14">
        <v>8321</v>
      </c>
      <c r="K29" s="14">
        <v>9661</v>
      </c>
    </row>
    <row r="30" spans="1:11" ht="15" customHeight="1">
      <c r="A30" s="17" t="s">
        <v>57</v>
      </c>
      <c r="B30" s="17"/>
      <c r="C30" s="13">
        <v>2931</v>
      </c>
      <c r="D30" s="19">
        <v>1362</v>
      </c>
      <c r="E30" s="19">
        <v>1569</v>
      </c>
      <c r="F30" s="19"/>
      <c r="G30" s="18" t="s">
        <v>58</v>
      </c>
      <c r="H30" s="17"/>
      <c r="I30" s="13">
        <v>3488</v>
      </c>
      <c r="J30" s="19">
        <v>1641</v>
      </c>
      <c r="K30" s="19">
        <v>1847</v>
      </c>
    </row>
    <row r="31" spans="1:11" ht="15" customHeight="1">
      <c r="A31" s="17" t="s">
        <v>59</v>
      </c>
      <c r="B31" s="17"/>
      <c r="C31" s="13">
        <v>3117</v>
      </c>
      <c r="D31" s="19">
        <v>1502</v>
      </c>
      <c r="E31" s="19">
        <v>1615</v>
      </c>
      <c r="F31" s="19"/>
      <c r="G31" s="18" t="s">
        <v>60</v>
      </c>
      <c r="H31" s="17"/>
      <c r="I31" s="13">
        <v>4025</v>
      </c>
      <c r="J31" s="19">
        <v>1916</v>
      </c>
      <c r="K31" s="19">
        <v>2109</v>
      </c>
    </row>
    <row r="32" spans="1:11" ht="15" customHeight="1">
      <c r="A32" s="17" t="s">
        <v>61</v>
      </c>
      <c r="B32" s="17"/>
      <c r="C32" s="13">
        <v>3258</v>
      </c>
      <c r="D32" s="19">
        <v>1530</v>
      </c>
      <c r="E32" s="19">
        <v>1728</v>
      </c>
      <c r="F32" s="19"/>
      <c r="G32" s="18" t="s">
        <v>62</v>
      </c>
      <c r="H32" s="17"/>
      <c r="I32" s="13">
        <v>3929</v>
      </c>
      <c r="J32" s="19">
        <v>1820</v>
      </c>
      <c r="K32" s="19">
        <v>2109</v>
      </c>
    </row>
    <row r="33" spans="1:11" ht="15" customHeight="1">
      <c r="A33" s="17" t="s">
        <v>63</v>
      </c>
      <c r="B33" s="17"/>
      <c r="C33" s="13">
        <v>3197</v>
      </c>
      <c r="D33" s="19">
        <v>1607</v>
      </c>
      <c r="E33" s="19">
        <v>1590</v>
      </c>
      <c r="F33" s="19"/>
      <c r="G33" s="18" t="s">
        <v>64</v>
      </c>
      <c r="H33" s="17"/>
      <c r="I33" s="13">
        <v>3864</v>
      </c>
      <c r="J33" s="19">
        <v>1733</v>
      </c>
      <c r="K33" s="19">
        <v>2131</v>
      </c>
    </row>
    <row r="34" spans="1:11" ht="15" customHeight="1">
      <c r="A34" s="17" t="s">
        <v>65</v>
      </c>
      <c r="B34" s="17"/>
      <c r="C34" s="13">
        <v>3208</v>
      </c>
      <c r="D34" s="19">
        <v>1559</v>
      </c>
      <c r="E34" s="19">
        <v>1649</v>
      </c>
      <c r="F34" s="19"/>
      <c r="G34" s="18" t="s">
        <v>66</v>
      </c>
      <c r="H34" s="17"/>
      <c r="I34" s="13">
        <v>2676</v>
      </c>
      <c r="J34" s="19">
        <v>1211</v>
      </c>
      <c r="K34" s="19">
        <v>1465</v>
      </c>
    </row>
    <row r="35" spans="1:11" ht="20.100000000000001" customHeight="1">
      <c r="A35" s="17" t="s">
        <v>67</v>
      </c>
      <c r="B35" s="17"/>
      <c r="C35" s="13">
        <v>15238</v>
      </c>
      <c r="D35" s="14">
        <v>7547</v>
      </c>
      <c r="E35" s="14">
        <v>7691</v>
      </c>
      <c r="F35" s="14"/>
      <c r="G35" s="18" t="s">
        <v>68</v>
      </c>
      <c r="H35" s="17"/>
      <c r="I35" s="13">
        <v>15210</v>
      </c>
      <c r="J35" s="14">
        <v>6637</v>
      </c>
      <c r="K35" s="14">
        <v>8573</v>
      </c>
    </row>
    <row r="36" spans="1:11" ht="15" customHeight="1">
      <c r="A36" s="17" t="s">
        <v>69</v>
      </c>
      <c r="B36" s="17"/>
      <c r="C36" s="13">
        <v>3066</v>
      </c>
      <c r="D36" s="19">
        <v>1468</v>
      </c>
      <c r="E36" s="19">
        <v>1598</v>
      </c>
      <c r="F36" s="19"/>
      <c r="G36" s="18" t="s">
        <v>70</v>
      </c>
      <c r="H36" s="17"/>
      <c r="I36" s="13">
        <v>2497</v>
      </c>
      <c r="J36" s="19">
        <v>1103</v>
      </c>
      <c r="K36" s="19">
        <v>1394</v>
      </c>
    </row>
    <row r="37" spans="1:11" ht="15" customHeight="1">
      <c r="A37" s="17" t="s">
        <v>71</v>
      </c>
      <c r="B37" s="17"/>
      <c r="C37" s="13">
        <v>3170</v>
      </c>
      <c r="D37" s="19">
        <v>1585</v>
      </c>
      <c r="E37" s="19">
        <v>1585</v>
      </c>
      <c r="F37" s="19"/>
      <c r="G37" s="18" t="s">
        <v>72</v>
      </c>
      <c r="H37" s="17"/>
      <c r="I37" s="13">
        <v>3211</v>
      </c>
      <c r="J37" s="19">
        <v>1383</v>
      </c>
      <c r="K37" s="19">
        <v>1828</v>
      </c>
    </row>
    <row r="38" spans="1:11" ht="15" customHeight="1">
      <c r="A38" s="17" t="s">
        <v>73</v>
      </c>
      <c r="B38" s="17"/>
      <c r="C38" s="13">
        <v>3023</v>
      </c>
      <c r="D38" s="19">
        <v>1470</v>
      </c>
      <c r="E38" s="19">
        <v>1553</v>
      </c>
      <c r="F38" s="19"/>
      <c r="G38" s="18" t="s">
        <v>74</v>
      </c>
      <c r="H38" s="17"/>
      <c r="I38" s="13">
        <v>3195</v>
      </c>
      <c r="J38" s="19">
        <v>1385</v>
      </c>
      <c r="K38" s="19">
        <v>1810</v>
      </c>
    </row>
    <row r="39" spans="1:11" ht="15" customHeight="1">
      <c r="A39" s="17" t="s">
        <v>75</v>
      </c>
      <c r="B39" s="17"/>
      <c r="C39" s="13">
        <v>3078</v>
      </c>
      <c r="D39" s="19">
        <v>1573</v>
      </c>
      <c r="E39" s="19">
        <v>1505</v>
      </c>
      <c r="F39" s="19"/>
      <c r="G39" s="18" t="s">
        <v>76</v>
      </c>
      <c r="H39" s="17"/>
      <c r="I39" s="13">
        <v>3160</v>
      </c>
      <c r="J39" s="19">
        <v>1387</v>
      </c>
      <c r="K39" s="19">
        <v>1773</v>
      </c>
    </row>
    <row r="40" spans="1:11" ht="15" customHeight="1">
      <c r="A40" s="17" t="s">
        <v>77</v>
      </c>
      <c r="B40" s="17"/>
      <c r="C40" s="13">
        <v>2901</v>
      </c>
      <c r="D40" s="19">
        <v>1451</v>
      </c>
      <c r="E40" s="19">
        <v>1450</v>
      </c>
      <c r="F40" s="19"/>
      <c r="G40" s="18" t="s">
        <v>78</v>
      </c>
      <c r="H40" s="17"/>
      <c r="I40" s="13">
        <v>3147</v>
      </c>
      <c r="J40" s="19">
        <v>1379</v>
      </c>
      <c r="K40" s="19">
        <v>1768</v>
      </c>
    </row>
    <row r="41" spans="1:11" ht="20.100000000000001" customHeight="1">
      <c r="A41" s="17" t="s">
        <v>79</v>
      </c>
      <c r="B41" s="17"/>
      <c r="C41" s="13">
        <v>14890</v>
      </c>
      <c r="D41" s="14">
        <v>7737</v>
      </c>
      <c r="E41" s="14">
        <v>7153</v>
      </c>
      <c r="F41" s="14"/>
      <c r="G41" s="18" t="s">
        <v>80</v>
      </c>
      <c r="H41" s="17"/>
      <c r="I41" s="13">
        <v>11841</v>
      </c>
      <c r="J41" s="14">
        <v>5197</v>
      </c>
      <c r="K41" s="14">
        <v>6644</v>
      </c>
    </row>
    <row r="42" spans="1:11" ht="15" customHeight="1">
      <c r="A42" s="17" t="s">
        <v>81</v>
      </c>
      <c r="B42" s="17"/>
      <c r="C42" s="13">
        <v>2942</v>
      </c>
      <c r="D42" s="19">
        <v>1550</v>
      </c>
      <c r="E42" s="19">
        <v>1392</v>
      </c>
      <c r="F42" s="19"/>
      <c r="G42" s="18" t="s">
        <v>82</v>
      </c>
      <c r="H42" s="17"/>
      <c r="I42" s="13">
        <v>2862</v>
      </c>
      <c r="J42" s="19">
        <v>1253</v>
      </c>
      <c r="K42" s="19">
        <v>1609</v>
      </c>
    </row>
    <row r="43" spans="1:11" ht="15" customHeight="1">
      <c r="A43" s="17" t="s">
        <v>83</v>
      </c>
      <c r="B43" s="17"/>
      <c r="C43" s="13">
        <v>2976</v>
      </c>
      <c r="D43" s="19">
        <v>1554</v>
      </c>
      <c r="E43" s="19">
        <v>1422</v>
      </c>
      <c r="F43" s="19"/>
      <c r="G43" s="18" t="s">
        <v>84</v>
      </c>
      <c r="H43" s="17"/>
      <c r="I43" s="13">
        <v>2322</v>
      </c>
      <c r="J43" s="19">
        <v>1016</v>
      </c>
      <c r="K43" s="19">
        <v>1306</v>
      </c>
    </row>
    <row r="44" spans="1:11" ht="15" customHeight="1">
      <c r="A44" s="17" t="s">
        <v>85</v>
      </c>
      <c r="B44" s="17"/>
      <c r="C44" s="13">
        <v>3028</v>
      </c>
      <c r="D44" s="19">
        <v>1530</v>
      </c>
      <c r="E44" s="19">
        <v>1498</v>
      </c>
      <c r="F44" s="19"/>
      <c r="G44" s="18" t="s">
        <v>86</v>
      </c>
      <c r="H44" s="17"/>
      <c r="I44" s="13">
        <v>2317</v>
      </c>
      <c r="J44" s="19">
        <v>1070</v>
      </c>
      <c r="K44" s="19">
        <v>1247</v>
      </c>
    </row>
    <row r="45" spans="1:11" ht="15" customHeight="1">
      <c r="A45" s="17" t="s">
        <v>87</v>
      </c>
      <c r="B45" s="17"/>
      <c r="C45" s="13">
        <v>2953</v>
      </c>
      <c r="D45" s="19">
        <v>1561</v>
      </c>
      <c r="E45" s="19">
        <v>1392</v>
      </c>
      <c r="F45" s="19"/>
      <c r="G45" s="18" t="s">
        <v>88</v>
      </c>
      <c r="H45" s="17"/>
      <c r="I45" s="13">
        <v>2264</v>
      </c>
      <c r="J45" s="19">
        <v>1001</v>
      </c>
      <c r="K45" s="19">
        <v>1263</v>
      </c>
    </row>
    <row r="46" spans="1:11" ht="15" customHeight="1">
      <c r="A46" s="17" t="s">
        <v>89</v>
      </c>
      <c r="B46" s="17"/>
      <c r="C46" s="13">
        <v>2991</v>
      </c>
      <c r="D46" s="19">
        <v>1542</v>
      </c>
      <c r="E46" s="19">
        <v>1449</v>
      </c>
      <c r="F46" s="19"/>
      <c r="G46" s="18" t="s">
        <v>90</v>
      </c>
      <c r="H46" s="17"/>
      <c r="I46" s="13">
        <v>2076</v>
      </c>
      <c r="J46" s="19">
        <v>857</v>
      </c>
      <c r="K46" s="19">
        <v>1219</v>
      </c>
    </row>
    <row r="47" spans="1:11" ht="20.100000000000001" customHeight="1">
      <c r="A47" s="17" t="s">
        <v>91</v>
      </c>
      <c r="B47" s="17"/>
      <c r="C47" s="13">
        <v>16631</v>
      </c>
      <c r="D47" s="14">
        <v>8630</v>
      </c>
      <c r="E47" s="14">
        <v>8001</v>
      </c>
      <c r="F47" s="14"/>
      <c r="G47" s="18" t="s">
        <v>92</v>
      </c>
      <c r="H47" s="17"/>
      <c r="I47" s="13">
        <v>7044</v>
      </c>
      <c r="J47" s="14">
        <v>2815</v>
      </c>
      <c r="K47" s="14">
        <v>4229</v>
      </c>
    </row>
    <row r="48" spans="1:11" ht="15" customHeight="1">
      <c r="A48" s="17" t="s">
        <v>93</v>
      </c>
      <c r="B48" s="17"/>
      <c r="C48" s="13">
        <v>3112</v>
      </c>
      <c r="D48" s="19">
        <v>1607</v>
      </c>
      <c r="E48" s="19">
        <v>1505</v>
      </c>
      <c r="F48" s="19"/>
      <c r="G48" s="18" t="s">
        <v>94</v>
      </c>
      <c r="H48" s="17"/>
      <c r="I48" s="13">
        <v>1860</v>
      </c>
      <c r="J48" s="19">
        <v>782</v>
      </c>
      <c r="K48" s="19">
        <v>1078</v>
      </c>
    </row>
    <row r="49" spans="1:11" ht="15" customHeight="1">
      <c r="A49" s="17" t="s">
        <v>95</v>
      </c>
      <c r="B49" s="17"/>
      <c r="C49" s="13">
        <v>3217</v>
      </c>
      <c r="D49" s="19">
        <v>1651</v>
      </c>
      <c r="E49" s="19">
        <v>1566</v>
      </c>
      <c r="F49" s="19"/>
      <c r="G49" s="18" t="s">
        <v>96</v>
      </c>
      <c r="H49" s="17"/>
      <c r="I49" s="13">
        <v>1510</v>
      </c>
      <c r="J49" s="19">
        <v>615</v>
      </c>
      <c r="K49" s="19">
        <v>895</v>
      </c>
    </row>
    <row r="50" spans="1:11" ht="15" customHeight="1">
      <c r="A50" s="17" t="s">
        <v>97</v>
      </c>
      <c r="B50" s="17"/>
      <c r="C50" s="13">
        <v>3403</v>
      </c>
      <c r="D50" s="19">
        <v>1792</v>
      </c>
      <c r="E50" s="19">
        <v>1611</v>
      </c>
      <c r="F50" s="19"/>
      <c r="G50" s="18" t="s">
        <v>98</v>
      </c>
      <c r="H50" s="17"/>
      <c r="I50" s="13">
        <v>1412</v>
      </c>
      <c r="J50" s="19">
        <v>543</v>
      </c>
      <c r="K50" s="19">
        <v>869</v>
      </c>
    </row>
    <row r="51" spans="1:11" ht="15" customHeight="1">
      <c r="A51" s="17" t="s">
        <v>99</v>
      </c>
      <c r="B51" s="17"/>
      <c r="C51" s="13">
        <v>3430</v>
      </c>
      <c r="D51" s="19">
        <v>1782</v>
      </c>
      <c r="E51" s="19">
        <v>1648</v>
      </c>
      <c r="F51" s="19"/>
      <c r="G51" s="18" t="s">
        <v>100</v>
      </c>
      <c r="H51" s="17"/>
      <c r="I51" s="13">
        <v>1269</v>
      </c>
      <c r="J51" s="19">
        <v>498</v>
      </c>
      <c r="K51" s="19">
        <v>771</v>
      </c>
    </row>
    <row r="52" spans="1:11" ht="15" customHeight="1">
      <c r="A52" s="17" t="s">
        <v>101</v>
      </c>
      <c r="B52" s="17"/>
      <c r="C52" s="13">
        <v>3469</v>
      </c>
      <c r="D52" s="19">
        <v>1798</v>
      </c>
      <c r="E52" s="19">
        <v>1671</v>
      </c>
      <c r="F52" s="19"/>
      <c r="G52" s="18" t="s">
        <v>102</v>
      </c>
      <c r="H52" s="17"/>
      <c r="I52" s="13">
        <v>993</v>
      </c>
      <c r="J52" s="19">
        <v>377</v>
      </c>
      <c r="K52" s="19">
        <v>616</v>
      </c>
    </row>
    <row r="53" spans="1:11" ht="20.100000000000001" customHeight="1">
      <c r="A53" s="17" t="s">
        <v>103</v>
      </c>
      <c r="B53" s="17"/>
      <c r="C53" s="13">
        <v>19042</v>
      </c>
      <c r="D53" s="14">
        <v>9926</v>
      </c>
      <c r="E53" s="14">
        <v>9116</v>
      </c>
      <c r="F53" s="14"/>
      <c r="G53" s="18" t="s">
        <v>104</v>
      </c>
      <c r="H53" s="17"/>
      <c r="I53" s="13">
        <v>2993</v>
      </c>
      <c r="J53" s="14">
        <v>927</v>
      </c>
      <c r="K53" s="14">
        <v>2066</v>
      </c>
    </row>
    <row r="54" spans="1:11" ht="15" customHeight="1">
      <c r="A54" s="17" t="s">
        <v>105</v>
      </c>
      <c r="B54" s="17"/>
      <c r="C54" s="13">
        <v>3576</v>
      </c>
      <c r="D54" s="19">
        <v>1843</v>
      </c>
      <c r="E54" s="19">
        <v>1733</v>
      </c>
      <c r="F54" s="19"/>
      <c r="G54" s="18" t="s">
        <v>106</v>
      </c>
      <c r="H54" s="17"/>
      <c r="I54" s="13">
        <v>941</v>
      </c>
      <c r="J54" s="19">
        <v>325</v>
      </c>
      <c r="K54" s="19">
        <v>616</v>
      </c>
    </row>
    <row r="55" spans="1:11" ht="15" customHeight="1">
      <c r="A55" s="17" t="s">
        <v>107</v>
      </c>
      <c r="B55" s="17"/>
      <c r="C55" s="13">
        <v>3659</v>
      </c>
      <c r="D55" s="19">
        <v>1956</v>
      </c>
      <c r="E55" s="19">
        <v>1703</v>
      </c>
      <c r="F55" s="19"/>
      <c r="G55" s="18" t="s">
        <v>108</v>
      </c>
      <c r="H55" s="17"/>
      <c r="I55" s="13">
        <v>696</v>
      </c>
      <c r="J55" s="19">
        <v>229</v>
      </c>
      <c r="K55" s="19">
        <v>467</v>
      </c>
    </row>
    <row r="56" spans="1:11" ht="15" customHeight="1">
      <c r="A56" s="17" t="s">
        <v>109</v>
      </c>
      <c r="B56" s="17"/>
      <c r="C56" s="13">
        <v>3840</v>
      </c>
      <c r="D56" s="19">
        <v>1966</v>
      </c>
      <c r="E56" s="19">
        <v>1874</v>
      </c>
      <c r="F56" s="19"/>
      <c r="G56" s="18" t="s">
        <v>110</v>
      </c>
      <c r="H56" s="17"/>
      <c r="I56" s="13">
        <v>596</v>
      </c>
      <c r="J56" s="19">
        <v>175</v>
      </c>
      <c r="K56" s="19">
        <v>421</v>
      </c>
    </row>
    <row r="57" spans="1:11" ht="15" customHeight="1">
      <c r="A57" s="17" t="s">
        <v>111</v>
      </c>
      <c r="B57" s="17"/>
      <c r="C57" s="13">
        <v>3915</v>
      </c>
      <c r="D57" s="19">
        <v>2028</v>
      </c>
      <c r="E57" s="19">
        <v>1887</v>
      </c>
      <c r="F57" s="19"/>
      <c r="G57" s="18" t="s">
        <v>112</v>
      </c>
      <c r="H57" s="17"/>
      <c r="I57" s="13">
        <v>436</v>
      </c>
      <c r="J57" s="19">
        <v>124</v>
      </c>
      <c r="K57" s="19">
        <v>312</v>
      </c>
    </row>
    <row r="58" spans="1:11" ht="15" customHeight="1">
      <c r="A58" s="17" t="s">
        <v>113</v>
      </c>
      <c r="B58" s="17"/>
      <c r="C58" s="13">
        <v>4052</v>
      </c>
      <c r="D58" s="19">
        <v>2133</v>
      </c>
      <c r="E58" s="19">
        <v>1919</v>
      </c>
      <c r="F58" s="19"/>
      <c r="G58" s="18" t="s">
        <v>114</v>
      </c>
      <c r="H58" s="17"/>
      <c r="I58" s="13">
        <v>324</v>
      </c>
      <c r="J58" s="19">
        <v>74</v>
      </c>
      <c r="K58" s="19">
        <v>250</v>
      </c>
    </row>
    <row r="59" spans="1:11" ht="20.100000000000001" customHeight="1">
      <c r="A59" s="17" t="s">
        <v>115</v>
      </c>
      <c r="B59" s="17"/>
      <c r="C59" s="13">
        <v>22644</v>
      </c>
      <c r="D59" s="14">
        <v>11601</v>
      </c>
      <c r="E59" s="14">
        <v>11043</v>
      </c>
      <c r="F59" s="14"/>
      <c r="G59" s="18" t="s">
        <v>116</v>
      </c>
      <c r="H59" s="17"/>
      <c r="I59" s="13">
        <v>803</v>
      </c>
      <c r="J59" s="14">
        <v>164</v>
      </c>
      <c r="K59" s="14">
        <v>639</v>
      </c>
    </row>
    <row r="60" spans="1:11" ht="15" customHeight="1">
      <c r="A60" s="17" t="s">
        <v>117</v>
      </c>
      <c r="B60" s="17"/>
      <c r="C60" s="13">
        <v>4110</v>
      </c>
      <c r="D60" s="19">
        <v>2109</v>
      </c>
      <c r="E60" s="19">
        <v>2001</v>
      </c>
      <c r="F60" s="19"/>
      <c r="G60" s="18" t="s">
        <v>118</v>
      </c>
      <c r="H60" s="17"/>
      <c r="I60" s="13">
        <v>267</v>
      </c>
      <c r="J60" s="19">
        <v>63</v>
      </c>
      <c r="K60" s="19">
        <v>204</v>
      </c>
    </row>
    <row r="61" spans="1:11" ht="15" customHeight="1">
      <c r="A61" s="17" t="s">
        <v>119</v>
      </c>
      <c r="B61" s="17"/>
      <c r="C61" s="13">
        <v>4455</v>
      </c>
      <c r="D61" s="19">
        <v>2321</v>
      </c>
      <c r="E61" s="19">
        <v>2134</v>
      </c>
      <c r="F61" s="19"/>
      <c r="G61" s="18" t="s">
        <v>120</v>
      </c>
      <c r="H61" s="17"/>
      <c r="I61" s="13">
        <v>207</v>
      </c>
      <c r="J61" s="19">
        <v>46</v>
      </c>
      <c r="K61" s="19">
        <v>161</v>
      </c>
    </row>
    <row r="62" spans="1:11" ht="15" customHeight="1">
      <c r="A62" s="17" t="s">
        <v>121</v>
      </c>
      <c r="B62" s="17"/>
      <c r="C62" s="13">
        <v>4757</v>
      </c>
      <c r="D62" s="19">
        <v>2437</v>
      </c>
      <c r="E62" s="19">
        <v>2320</v>
      </c>
      <c r="F62" s="19"/>
      <c r="G62" s="18" t="s">
        <v>122</v>
      </c>
      <c r="H62" s="17"/>
      <c r="I62" s="13">
        <v>157</v>
      </c>
      <c r="J62" s="19">
        <v>33</v>
      </c>
      <c r="K62" s="19">
        <v>124</v>
      </c>
    </row>
    <row r="63" spans="1:11" ht="15" customHeight="1">
      <c r="A63" s="17" t="s">
        <v>123</v>
      </c>
      <c r="B63" s="17"/>
      <c r="C63" s="13">
        <v>4672</v>
      </c>
      <c r="D63" s="19">
        <v>2340</v>
      </c>
      <c r="E63" s="19">
        <v>2332</v>
      </c>
      <c r="F63" s="19"/>
      <c r="G63" s="18" t="s">
        <v>124</v>
      </c>
      <c r="H63" s="17"/>
      <c r="I63" s="13">
        <v>95</v>
      </c>
      <c r="J63" s="19">
        <v>12</v>
      </c>
      <c r="K63" s="19">
        <v>83</v>
      </c>
    </row>
    <row r="64" spans="1:11" ht="15" customHeight="1">
      <c r="A64" s="17" t="s">
        <v>125</v>
      </c>
      <c r="B64" s="17"/>
      <c r="C64" s="13">
        <v>4650</v>
      </c>
      <c r="D64" s="19">
        <v>2394</v>
      </c>
      <c r="E64" s="19">
        <v>2256</v>
      </c>
      <c r="F64" s="19"/>
      <c r="G64" s="18" t="s">
        <v>126</v>
      </c>
      <c r="H64" s="17"/>
      <c r="I64" s="13">
        <v>77</v>
      </c>
      <c r="J64" s="19">
        <v>10</v>
      </c>
      <c r="K64" s="19">
        <v>6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26</v>
      </c>
      <c r="J65" s="19">
        <v>17</v>
      </c>
      <c r="K65" s="19">
        <v>10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9197</v>
      </c>
      <c r="J66" s="29">
        <v>5185</v>
      </c>
      <c r="K66" s="29">
        <v>401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35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7109</v>
      </c>
      <c r="D4" s="14">
        <v>125943</v>
      </c>
      <c r="E4" s="14">
        <v>12116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836</v>
      </c>
      <c r="D5" s="14">
        <v>4527</v>
      </c>
      <c r="E5" s="14">
        <v>4309</v>
      </c>
      <c r="F5" s="14"/>
      <c r="G5" s="18" t="s">
        <v>8</v>
      </c>
      <c r="H5" s="17"/>
      <c r="I5" s="13">
        <v>18818</v>
      </c>
      <c r="J5" s="14">
        <v>10006</v>
      </c>
      <c r="K5" s="14">
        <v>8812</v>
      </c>
    </row>
    <row r="6" spans="1:11" ht="15" customHeight="1">
      <c r="A6" s="17" t="s">
        <v>9</v>
      </c>
      <c r="B6" s="17"/>
      <c r="C6" s="13">
        <v>1748</v>
      </c>
      <c r="D6" s="19">
        <v>940</v>
      </c>
      <c r="E6" s="19">
        <v>808</v>
      </c>
      <c r="F6" s="19"/>
      <c r="G6" s="18" t="s">
        <v>10</v>
      </c>
      <c r="H6" s="17"/>
      <c r="I6" s="13">
        <v>4100</v>
      </c>
      <c r="J6" s="19">
        <v>2143</v>
      </c>
      <c r="K6" s="19">
        <v>1957</v>
      </c>
    </row>
    <row r="7" spans="1:11" ht="15" customHeight="1">
      <c r="A7" s="17" t="s">
        <v>11</v>
      </c>
      <c r="B7" s="17"/>
      <c r="C7" s="13">
        <v>1696</v>
      </c>
      <c r="D7" s="19">
        <v>860</v>
      </c>
      <c r="E7" s="19">
        <v>836</v>
      </c>
      <c r="F7" s="19"/>
      <c r="G7" s="18" t="s">
        <v>12</v>
      </c>
      <c r="H7" s="17"/>
      <c r="I7" s="13">
        <v>3947</v>
      </c>
      <c r="J7" s="19">
        <v>2114</v>
      </c>
      <c r="K7" s="19">
        <v>1833</v>
      </c>
    </row>
    <row r="8" spans="1:11" ht="15" customHeight="1">
      <c r="A8" s="17" t="s">
        <v>13</v>
      </c>
      <c r="B8" s="17"/>
      <c r="C8" s="13">
        <v>1774</v>
      </c>
      <c r="D8" s="19">
        <v>883</v>
      </c>
      <c r="E8" s="19">
        <v>891</v>
      </c>
      <c r="F8" s="19"/>
      <c r="G8" s="18" t="s">
        <v>14</v>
      </c>
      <c r="H8" s="17"/>
      <c r="I8" s="13">
        <v>3902</v>
      </c>
      <c r="J8" s="19">
        <v>2055</v>
      </c>
      <c r="K8" s="19">
        <v>1847</v>
      </c>
    </row>
    <row r="9" spans="1:11" ht="15" customHeight="1">
      <c r="A9" s="17" t="s">
        <v>15</v>
      </c>
      <c r="B9" s="17"/>
      <c r="C9" s="13">
        <v>1823</v>
      </c>
      <c r="D9" s="19">
        <v>917</v>
      </c>
      <c r="E9" s="19">
        <v>906</v>
      </c>
      <c r="F9" s="19"/>
      <c r="G9" s="18" t="s">
        <v>16</v>
      </c>
      <c r="H9" s="17"/>
      <c r="I9" s="13">
        <v>4037</v>
      </c>
      <c r="J9" s="19">
        <v>2193</v>
      </c>
      <c r="K9" s="19">
        <v>1844</v>
      </c>
    </row>
    <row r="10" spans="1:11" ht="15" customHeight="1">
      <c r="A10" s="17" t="s">
        <v>17</v>
      </c>
      <c r="B10" s="17"/>
      <c r="C10" s="13">
        <v>1795</v>
      </c>
      <c r="D10" s="19">
        <v>927</v>
      </c>
      <c r="E10" s="19">
        <v>868</v>
      </c>
      <c r="F10" s="19"/>
      <c r="G10" s="18" t="s">
        <v>18</v>
      </c>
      <c r="H10" s="17"/>
      <c r="I10" s="13">
        <v>2832</v>
      </c>
      <c r="J10" s="19">
        <v>1501</v>
      </c>
      <c r="K10" s="19">
        <v>1331</v>
      </c>
    </row>
    <row r="11" spans="1:11" ht="20.100000000000001" customHeight="1">
      <c r="A11" s="17" t="s">
        <v>19</v>
      </c>
      <c r="B11" s="17"/>
      <c r="C11" s="13">
        <v>9108</v>
      </c>
      <c r="D11" s="14">
        <v>4608</v>
      </c>
      <c r="E11" s="14">
        <v>4500</v>
      </c>
      <c r="F11" s="14"/>
      <c r="G11" s="18" t="s">
        <v>20</v>
      </c>
      <c r="H11" s="17"/>
      <c r="I11" s="13">
        <v>15507</v>
      </c>
      <c r="J11" s="14">
        <v>8304</v>
      </c>
      <c r="K11" s="14">
        <v>7203</v>
      </c>
    </row>
    <row r="12" spans="1:11" ht="15" customHeight="1">
      <c r="A12" s="17" t="s">
        <v>21</v>
      </c>
      <c r="B12" s="17"/>
      <c r="C12" s="13">
        <v>1859</v>
      </c>
      <c r="D12" s="19">
        <v>929</v>
      </c>
      <c r="E12" s="19">
        <v>930</v>
      </c>
      <c r="F12" s="19"/>
      <c r="G12" s="18" t="s">
        <v>22</v>
      </c>
      <c r="H12" s="17"/>
      <c r="I12" s="13">
        <v>3591</v>
      </c>
      <c r="J12" s="19">
        <v>1886</v>
      </c>
      <c r="K12" s="19">
        <v>1705</v>
      </c>
    </row>
    <row r="13" spans="1:11" ht="15" customHeight="1">
      <c r="A13" s="17" t="s">
        <v>23</v>
      </c>
      <c r="B13" s="17"/>
      <c r="C13" s="13">
        <v>1876</v>
      </c>
      <c r="D13" s="19">
        <v>962</v>
      </c>
      <c r="E13" s="19">
        <v>914</v>
      </c>
      <c r="F13" s="19"/>
      <c r="G13" s="18" t="s">
        <v>24</v>
      </c>
      <c r="H13" s="17"/>
      <c r="I13" s="13">
        <v>3333</v>
      </c>
      <c r="J13" s="19">
        <v>1801</v>
      </c>
      <c r="K13" s="19">
        <v>1532</v>
      </c>
    </row>
    <row r="14" spans="1:11" ht="15" customHeight="1">
      <c r="A14" s="17" t="s">
        <v>25</v>
      </c>
      <c r="B14" s="17"/>
      <c r="C14" s="13">
        <v>1774</v>
      </c>
      <c r="D14" s="19">
        <v>915</v>
      </c>
      <c r="E14" s="19">
        <v>859</v>
      </c>
      <c r="F14" s="19"/>
      <c r="G14" s="18" t="s">
        <v>26</v>
      </c>
      <c r="H14" s="17"/>
      <c r="I14" s="13">
        <v>3054</v>
      </c>
      <c r="J14" s="19">
        <v>1667</v>
      </c>
      <c r="K14" s="19">
        <v>1387</v>
      </c>
    </row>
    <row r="15" spans="1:11" ht="15" customHeight="1">
      <c r="A15" s="17" t="s">
        <v>27</v>
      </c>
      <c r="B15" s="17"/>
      <c r="C15" s="13">
        <v>1830</v>
      </c>
      <c r="D15" s="19">
        <v>938</v>
      </c>
      <c r="E15" s="19">
        <v>892</v>
      </c>
      <c r="F15" s="19"/>
      <c r="G15" s="18" t="s">
        <v>28</v>
      </c>
      <c r="H15" s="17"/>
      <c r="I15" s="13">
        <v>2779</v>
      </c>
      <c r="J15" s="19">
        <v>1484</v>
      </c>
      <c r="K15" s="19">
        <v>1295</v>
      </c>
    </row>
    <row r="16" spans="1:11" ht="15" customHeight="1">
      <c r="A16" s="17" t="s">
        <v>29</v>
      </c>
      <c r="B16" s="17"/>
      <c r="C16" s="13">
        <v>1769</v>
      </c>
      <c r="D16" s="19">
        <v>864</v>
      </c>
      <c r="E16" s="19">
        <v>905</v>
      </c>
      <c r="F16" s="19"/>
      <c r="G16" s="18" t="s">
        <v>30</v>
      </c>
      <c r="H16" s="17"/>
      <c r="I16" s="13">
        <v>2750</v>
      </c>
      <c r="J16" s="19">
        <v>1466</v>
      </c>
      <c r="K16" s="19">
        <v>1284</v>
      </c>
    </row>
    <row r="17" spans="1:11" ht="20.100000000000001" customHeight="1">
      <c r="A17" s="20" t="s">
        <v>31</v>
      </c>
      <c r="B17" s="20"/>
      <c r="C17" s="13">
        <v>8980</v>
      </c>
      <c r="D17" s="14">
        <v>4609</v>
      </c>
      <c r="E17" s="14">
        <v>4371</v>
      </c>
      <c r="F17" s="14"/>
      <c r="G17" s="18" t="s">
        <v>32</v>
      </c>
      <c r="H17" s="17"/>
      <c r="I17" s="13">
        <v>12137</v>
      </c>
      <c r="J17" s="14">
        <v>6243</v>
      </c>
      <c r="K17" s="14">
        <v>5894</v>
      </c>
    </row>
    <row r="18" spans="1:11" ht="15" customHeight="1">
      <c r="A18" s="17" t="s">
        <v>33</v>
      </c>
      <c r="B18" s="17"/>
      <c r="C18" s="13">
        <v>1836</v>
      </c>
      <c r="D18" s="19">
        <v>945</v>
      </c>
      <c r="E18" s="19">
        <v>891</v>
      </c>
      <c r="F18" s="19"/>
      <c r="G18" s="18" t="s">
        <v>34</v>
      </c>
      <c r="H18" s="17"/>
      <c r="I18" s="13">
        <v>2583</v>
      </c>
      <c r="J18" s="19">
        <v>1335</v>
      </c>
      <c r="K18" s="19">
        <v>1248</v>
      </c>
    </row>
    <row r="19" spans="1:11" ht="15" customHeight="1">
      <c r="A19" s="17" t="s">
        <v>35</v>
      </c>
      <c r="B19" s="17"/>
      <c r="C19" s="13">
        <v>1757</v>
      </c>
      <c r="D19" s="19">
        <v>882</v>
      </c>
      <c r="E19" s="19">
        <v>875</v>
      </c>
      <c r="F19" s="19"/>
      <c r="G19" s="18" t="s">
        <v>36</v>
      </c>
      <c r="H19" s="17"/>
      <c r="I19" s="13">
        <v>2489</v>
      </c>
      <c r="J19" s="19">
        <v>1282</v>
      </c>
      <c r="K19" s="19">
        <v>1207</v>
      </c>
    </row>
    <row r="20" spans="1:11" ht="15" customHeight="1">
      <c r="A20" s="17" t="s">
        <v>37</v>
      </c>
      <c r="B20" s="17"/>
      <c r="C20" s="13">
        <v>1814</v>
      </c>
      <c r="D20" s="19">
        <v>935</v>
      </c>
      <c r="E20" s="19">
        <v>879</v>
      </c>
      <c r="F20" s="19"/>
      <c r="G20" s="18" t="s">
        <v>38</v>
      </c>
      <c r="H20" s="17"/>
      <c r="I20" s="13">
        <v>2439</v>
      </c>
      <c r="J20" s="19">
        <v>1284</v>
      </c>
      <c r="K20" s="19">
        <v>1155</v>
      </c>
    </row>
    <row r="21" spans="1:11" ht="15" customHeight="1">
      <c r="A21" s="17" t="s">
        <v>39</v>
      </c>
      <c r="B21" s="17"/>
      <c r="C21" s="13">
        <v>1809</v>
      </c>
      <c r="D21" s="19">
        <v>927</v>
      </c>
      <c r="E21" s="19">
        <v>882</v>
      </c>
      <c r="F21" s="19"/>
      <c r="G21" s="18" t="s">
        <v>40</v>
      </c>
      <c r="H21" s="17"/>
      <c r="I21" s="13">
        <v>2256</v>
      </c>
      <c r="J21" s="19">
        <v>1142</v>
      </c>
      <c r="K21" s="19">
        <v>1114</v>
      </c>
    </row>
    <row r="22" spans="1:11" ht="15" customHeight="1">
      <c r="A22" s="17" t="s">
        <v>41</v>
      </c>
      <c r="B22" s="17"/>
      <c r="C22" s="13">
        <v>1764</v>
      </c>
      <c r="D22" s="19">
        <v>920</v>
      </c>
      <c r="E22" s="19">
        <v>844</v>
      </c>
      <c r="F22" s="19"/>
      <c r="G22" s="18" t="s">
        <v>42</v>
      </c>
      <c r="H22" s="17"/>
      <c r="I22" s="13">
        <v>2370</v>
      </c>
      <c r="J22" s="19">
        <v>1200</v>
      </c>
      <c r="K22" s="19">
        <v>1170</v>
      </c>
    </row>
    <row r="23" spans="1:11" ht="20.100000000000001" customHeight="1">
      <c r="A23" s="17" t="s">
        <v>43</v>
      </c>
      <c r="B23" s="17"/>
      <c r="C23" s="13">
        <v>9349</v>
      </c>
      <c r="D23" s="14">
        <v>4823</v>
      </c>
      <c r="E23" s="14">
        <v>4526</v>
      </c>
      <c r="F23" s="14"/>
      <c r="G23" s="18" t="s">
        <v>44</v>
      </c>
      <c r="H23" s="17"/>
      <c r="I23" s="13">
        <v>11839</v>
      </c>
      <c r="J23" s="14">
        <v>6010</v>
      </c>
      <c r="K23" s="14">
        <v>5829</v>
      </c>
    </row>
    <row r="24" spans="1:11" ht="15" customHeight="1">
      <c r="A24" s="17" t="s">
        <v>45</v>
      </c>
      <c r="B24" s="17"/>
      <c r="C24" s="13">
        <v>1642</v>
      </c>
      <c r="D24" s="19">
        <v>849</v>
      </c>
      <c r="E24" s="19">
        <v>793</v>
      </c>
      <c r="F24" s="19"/>
      <c r="G24" s="18" t="s">
        <v>46</v>
      </c>
      <c r="H24" s="17"/>
      <c r="I24" s="13">
        <v>2212</v>
      </c>
      <c r="J24" s="19">
        <v>1121</v>
      </c>
      <c r="K24" s="19">
        <v>1091</v>
      </c>
    </row>
    <row r="25" spans="1:11" ht="15" customHeight="1">
      <c r="A25" s="17" t="s">
        <v>47</v>
      </c>
      <c r="B25" s="17"/>
      <c r="C25" s="13">
        <v>1788</v>
      </c>
      <c r="D25" s="19">
        <v>910</v>
      </c>
      <c r="E25" s="19">
        <v>878</v>
      </c>
      <c r="F25" s="19"/>
      <c r="G25" s="18" t="s">
        <v>48</v>
      </c>
      <c r="H25" s="17"/>
      <c r="I25" s="13">
        <v>2248</v>
      </c>
      <c r="J25" s="19">
        <v>1163</v>
      </c>
      <c r="K25" s="19">
        <v>1085</v>
      </c>
    </row>
    <row r="26" spans="1:11" ht="15" customHeight="1">
      <c r="A26" s="17" t="s">
        <v>49</v>
      </c>
      <c r="B26" s="17"/>
      <c r="C26" s="13">
        <v>1719</v>
      </c>
      <c r="D26" s="19">
        <v>896</v>
      </c>
      <c r="E26" s="19">
        <v>823</v>
      </c>
      <c r="F26" s="19"/>
      <c r="G26" s="18" t="s">
        <v>50</v>
      </c>
      <c r="H26" s="17"/>
      <c r="I26" s="13">
        <v>2338</v>
      </c>
      <c r="J26" s="19">
        <v>1200</v>
      </c>
      <c r="K26" s="19">
        <v>1138</v>
      </c>
    </row>
    <row r="27" spans="1:11" ht="15" customHeight="1">
      <c r="A27" s="17" t="s">
        <v>51</v>
      </c>
      <c r="B27" s="17"/>
      <c r="C27" s="13">
        <v>1850</v>
      </c>
      <c r="D27" s="19">
        <v>922</v>
      </c>
      <c r="E27" s="19">
        <v>928</v>
      </c>
      <c r="F27" s="19"/>
      <c r="G27" s="18" t="s">
        <v>52</v>
      </c>
      <c r="H27" s="17"/>
      <c r="I27" s="13">
        <v>2540</v>
      </c>
      <c r="J27" s="19">
        <v>1286</v>
      </c>
      <c r="K27" s="19">
        <v>1254</v>
      </c>
    </row>
    <row r="28" spans="1:11" ht="15" customHeight="1">
      <c r="A28" s="17" t="s">
        <v>53</v>
      </c>
      <c r="B28" s="17"/>
      <c r="C28" s="13">
        <v>2350</v>
      </c>
      <c r="D28" s="19">
        <v>1246</v>
      </c>
      <c r="E28" s="19">
        <v>1104</v>
      </c>
      <c r="F28" s="19"/>
      <c r="G28" s="18" t="s">
        <v>54</v>
      </c>
      <c r="H28" s="17"/>
      <c r="I28" s="13">
        <v>2501</v>
      </c>
      <c r="J28" s="19">
        <v>1240</v>
      </c>
      <c r="K28" s="19">
        <v>1261</v>
      </c>
    </row>
    <row r="29" spans="1:11" ht="20.100000000000001" customHeight="1">
      <c r="A29" s="17" t="s">
        <v>55</v>
      </c>
      <c r="B29" s="17"/>
      <c r="C29" s="13">
        <v>15147</v>
      </c>
      <c r="D29" s="14">
        <v>8064</v>
      </c>
      <c r="E29" s="14">
        <v>7083</v>
      </c>
      <c r="F29" s="14"/>
      <c r="G29" s="18" t="s">
        <v>56</v>
      </c>
      <c r="H29" s="17"/>
      <c r="I29" s="13">
        <v>13746</v>
      </c>
      <c r="J29" s="14">
        <v>6613</v>
      </c>
      <c r="K29" s="14">
        <v>7133</v>
      </c>
    </row>
    <row r="30" spans="1:11" ht="15" customHeight="1">
      <c r="A30" s="17" t="s">
        <v>57</v>
      </c>
      <c r="B30" s="17"/>
      <c r="C30" s="13">
        <v>2623</v>
      </c>
      <c r="D30" s="19">
        <v>1416</v>
      </c>
      <c r="E30" s="19">
        <v>1207</v>
      </c>
      <c r="F30" s="19"/>
      <c r="G30" s="18" t="s">
        <v>58</v>
      </c>
      <c r="H30" s="17"/>
      <c r="I30" s="13">
        <v>2724</v>
      </c>
      <c r="J30" s="19">
        <v>1316</v>
      </c>
      <c r="K30" s="19">
        <v>1408</v>
      </c>
    </row>
    <row r="31" spans="1:11" ht="15" customHeight="1">
      <c r="A31" s="17" t="s">
        <v>59</v>
      </c>
      <c r="B31" s="17"/>
      <c r="C31" s="13">
        <v>2849</v>
      </c>
      <c r="D31" s="19">
        <v>1503</v>
      </c>
      <c r="E31" s="19">
        <v>1346</v>
      </c>
      <c r="F31" s="19"/>
      <c r="G31" s="18" t="s">
        <v>60</v>
      </c>
      <c r="H31" s="17"/>
      <c r="I31" s="13">
        <v>3147</v>
      </c>
      <c r="J31" s="19">
        <v>1525</v>
      </c>
      <c r="K31" s="19">
        <v>1622</v>
      </c>
    </row>
    <row r="32" spans="1:11" ht="15" customHeight="1">
      <c r="A32" s="17" t="s">
        <v>61</v>
      </c>
      <c r="B32" s="17"/>
      <c r="C32" s="13">
        <v>3072</v>
      </c>
      <c r="D32" s="19">
        <v>1671</v>
      </c>
      <c r="E32" s="19">
        <v>1401</v>
      </c>
      <c r="F32" s="19"/>
      <c r="G32" s="18" t="s">
        <v>62</v>
      </c>
      <c r="H32" s="17"/>
      <c r="I32" s="13">
        <v>3005</v>
      </c>
      <c r="J32" s="19">
        <v>1440</v>
      </c>
      <c r="K32" s="19">
        <v>1565</v>
      </c>
    </row>
    <row r="33" spans="1:11" ht="15" customHeight="1">
      <c r="A33" s="17" t="s">
        <v>63</v>
      </c>
      <c r="B33" s="17"/>
      <c r="C33" s="13">
        <v>3196</v>
      </c>
      <c r="D33" s="19">
        <v>1657</v>
      </c>
      <c r="E33" s="19">
        <v>1539</v>
      </c>
      <c r="F33" s="19"/>
      <c r="G33" s="18" t="s">
        <v>64</v>
      </c>
      <c r="H33" s="17"/>
      <c r="I33" s="13">
        <v>2964</v>
      </c>
      <c r="J33" s="19">
        <v>1421</v>
      </c>
      <c r="K33" s="19">
        <v>1543</v>
      </c>
    </row>
    <row r="34" spans="1:11" ht="15" customHeight="1">
      <c r="A34" s="17" t="s">
        <v>65</v>
      </c>
      <c r="B34" s="17"/>
      <c r="C34" s="13">
        <v>3407</v>
      </c>
      <c r="D34" s="19">
        <v>1817</v>
      </c>
      <c r="E34" s="19">
        <v>1590</v>
      </c>
      <c r="F34" s="19"/>
      <c r="G34" s="18" t="s">
        <v>66</v>
      </c>
      <c r="H34" s="17"/>
      <c r="I34" s="13">
        <v>1906</v>
      </c>
      <c r="J34" s="19">
        <v>911</v>
      </c>
      <c r="K34" s="19">
        <v>995</v>
      </c>
    </row>
    <row r="35" spans="1:11" ht="20.100000000000001" customHeight="1">
      <c r="A35" s="17" t="s">
        <v>67</v>
      </c>
      <c r="B35" s="17"/>
      <c r="C35" s="13">
        <v>16860</v>
      </c>
      <c r="D35" s="14">
        <v>9027</v>
      </c>
      <c r="E35" s="14">
        <v>7833</v>
      </c>
      <c r="F35" s="14"/>
      <c r="G35" s="18" t="s">
        <v>68</v>
      </c>
      <c r="H35" s="17"/>
      <c r="I35" s="13">
        <v>10150</v>
      </c>
      <c r="J35" s="14">
        <v>4499</v>
      </c>
      <c r="K35" s="14">
        <v>5651</v>
      </c>
    </row>
    <row r="36" spans="1:11" ht="15" customHeight="1">
      <c r="A36" s="17" t="s">
        <v>69</v>
      </c>
      <c r="B36" s="17"/>
      <c r="C36" s="13">
        <v>3454</v>
      </c>
      <c r="D36" s="19">
        <v>1931</v>
      </c>
      <c r="E36" s="19">
        <v>1523</v>
      </c>
      <c r="F36" s="19"/>
      <c r="G36" s="18" t="s">
        <v>70</v>
      </c>
      <c r="H36" s="17"/>
      <c r="I36" s="13">
        <v>1799</v>
      </c>
      <c r="J36" s="19">
        <v>848</v>
      </c>
      <c r="K36" s="19">
        <v>951</v>
      </c>
    </row>
    <row r="37" spans="1:11" ht="15" customHeight="1">
      <c r="A37" s="17" t="s">
        <v>71</v>
      </c>
      <c r="B37" s="17"/>
      <c r="C37" s="13">
        <v>3603</v>
      </c>
      <c r="D37" s="19">
        <v>1918</v>
      </c>
      <c r="E37" s="19">
        <v>1685</v>
      </c>
      <c r="F37" s="19"/>
      <c r="G37" s="18" t="s">
        <v>72</v>
      </c>
      <c r="H37" s="17"/>
      <c r="I37" s="13">
        <v>2095</v>
      </c>
      <c r="J37" s="19">
        <v>934</v>
      </c>
      <c r="K37" s="19">
        <v>1161</v>
      </c>
    </row>
    <row r="38" spans="1:11" ht="15" customHeight="1">
      <c r="A38" s="17" t="s">
        <v>73</v>
      </c>
      <c r="B38" s="17"/>
      <c r="C38" s="13">
        <v>3297</v>
      </c>
      <c r="D38" s="19">
        <v>1731</v>
      </c>
      <c r="E38" s="19">
        <v>1566</v>
      </c>
      <c r="F38" s="19"/>
      <c r="G38" s="18" t="s">
        <v>74</v>
      </c>
      <c r="H38" s="17"/>
      <c r="I38" s="13">
        <v>2177</v>
      </c>
      <c r="J38" s="19">
        <v>931</v>
      </c>
      <c r="K38" s="19">
        <v>1246</v>
      </c>
    </row>
    <row r="39" spans="1:11" ht="15" customHeight="1">
      <c r="A39" s="17" t="s">
        <v>75</v>
      </c>
      <c r="B39" s="17"/>
      <c r="C39" s="13">
        <v>3316</v>
      </c>
      <c r="D39" s="19">
        <v>1799</v>
      </c>
      <c r="E39" s="19">
        <v>1517</v>
      </c>
      <c r="F39" s="19"/>
      <c r="G39" s="18" t="s">
        <v>76</v>
      </c>
      <c r="H39" s="17"/>
      <c r="I39" s="13">
        <v>2085</v>
      </c>
      <c r="J39" s="19">
        <v>919</v>
      </c>
      <c r="K39" s="19">
        <v>1166</v>
      </c>
    </row>
    <row r="40" spans="1:11" ht="15" customHeight="1">
      <c r="A40" s="17" t="s">
        <v>77</v>
      </c>
      <c r="B40" s="17"/>
      <c r="C40" s="13">
        <v>3190</v>
      </c>
      <c r="D40" s="19">
        <v>1648</v>
      </c>
      <c r="E40" s="19">
        <v>1542</v>
      </c>
      <c r="F40" s="19"/>
      <c r="G40" s="18" t="s">
        <v>78</v>
      </c>
      <c r="H40" s="17"/>
      <c r="I40" s="13">
        <v>1994</v>
      </c>
      <c r="J40" s="19">
        <v>867</v>
      </c>
      <c r="K40" s="19">
        <v>1127</v>
      </c>
    </row>
    <row r="41" spans="1:11" ht="20.100000000000001" customHeight="1">
      <c r="A41" s="17" t="s">
        <v>79</v>
      </c>
      <c r="B41" s="17"/>
      <c r="C41" s="13">
        <v>16022</v>
      </c>
      <c r="D41" s="14">
        <v>8330</v>
      </c>
      <c r="E41" s="14">
        <v>7692</v>
      </c>
      <c r="F41" s="14"/>
      <c r="G41" s="18" t="s">
        <v>80</v>
      </c>
      <c r="H41" s="17"/>
      <c r="I41" s="13">
        <v>7844</v>
      </c>
      <c r="J41" s="14">
        <v>3211</v>
      </c>
      <c r="K41" s="14">
        <v>4633</v>
      </c>
    </row>
    <row r="42" spans="1:11" ht="15" customHeight="1">
      <c r="A42" s="17" t="s">
        <v>81</v>
      </c>
      <c r="B42" s="17"/>
      <c r="C42" s="13">
        <v>3195</v>
      </c>
      <c r="D42" s="19">
        <v>1646</v>
      </c>
      <c r="E42" s="19">
        <v>1549</v>
      </c>
      <c r="F42" s="19"/>
      <c r="G42" s="18" t="s">
        <v>82</v>
      </c>
      <c r="H42" s="17"/>
      <c r="I42" s="13">
        <v>1867</v>
      </c>
      <c r="J42" s="19">
        <v>775</v>
      </c>
      <c r="K42" s="19">
        <v>1092</v>
      </c>
    </row>
    <row r="43" spans="1:11" ht="15" customHeight="1">
      <c r="A43" s="17" t="s">
        <v>83</v>
      </c>
      <c r="B43" s="17"/>
      <c r="C43" s="13">
        <v>3116</v>
      </c>
      <c r="D43" s="19">
        <v>1649</v>
      </c>
      <c r="E43" s="19">
        <v>1467</v>
      </c>
      <c r="F43" s="19"/>
      <c r="G43" s="18" t="s">
        <v>84</v>
      </c>
      <c r="H43" s="17"/>
      <c r="I43" s="13">
        <v>1592</v>
      </c>
      <c r="J43" s="19">
        <v>637</v>
      </c>
      <c r="K43" s="19">
        <v>955</v>
      </c>
    </row>
    <row r="44" spans="1:11" ht="15" customHeight="1">
      <c r="A44" s="17" t="s">
        <v>85</v>
      </c>
      <c r="B44" s="17"/>
      <c r="C44" s="13">
        <v>3234</v>
      </c>
      <c r="D44" s="19">
        <v>1699</v>
      </c>
      <c r="E44" s="19">
        <v>1535</v>
      </c>
      <c r="F44" s="19"/>
      <c r="G44" s="18" t="s">
        <v>86</v>
      </c>
      <c r="H44" s="17"/>
      <c r="I44" s="13">
        <v>1427</v>
      </c>
      <c r="J44" s="19">
        <v>646</v>
      </c>
      <c r="K44" s="19">
        <v>781</v>
      </c>
    </row>
    <row r="45" spans="1:11" ht="15" customHeight="1">
      <c r="A45" s="17" t="s">
        <v>87</v>
      </c>
      <c r="B45" s="17"/>
      <c r="C45" s="13">
        <v>3202</v>
      </c>
      <c r="D45" s="19">
        <v>1659</v>
      </c>
      <c r="E45" s="19">
        <v>1543</v>
      </c>
      <c r="F45" s="19"/>
      <c r="G45" s="18" t="s">
        <v>88</v>
      </c>
      <c r="H45" s="17"/>
      <c r="I45" s="13">
        <v>1556</v>
      </c>
      <c r="J45" s="19">
        <v>628</v>
      </c>
      <c r="K45" s="19">
        <v>928</v>
      </c>
    </row>
    <row r="46" spans="1:11" ht="15" customHeight="1">
      <c r="A46" s="17" t="s">
        <v>89</v>
      </c>
      <c r="B46" s="17"/>
      <c r="C46" s="13">
        <v>3275</v>
      </c>
      <c r="D46" s="19">
        <v>1677</v>
      </c>
      <c r="E46" s="19">
        <v>1598</v>
      </c>
      <c r="F46" s="19"/>
      <c r="G46" s="18" t="s">
        <v>90</v>
      </c>
      <c r="H46" s="17"/>
      <c r="I46" s="13">
        <v>1402</v>
      </c>
      <c r="J46" s="19">
        <v>525</v>
      </c>
      <c r="K46" s="19">
        <v>877</v>
      </c>
    </row>
    <row r="47" spans="1:11" ht="20.100000000000001" customHeight="1">
      <c r="A47" s="17" t="s">
        <v>91</v>
      </c>
      <c r="B47" s="17"/>
      <c r="C47" s="13">
        <v>16633</v>
      </c>
      <c r="D47" s="14">
        <v>8692</v>
      </c>
      <c r="E47" s="14">
        <v>7941</v>
      </c>
      <c r="F47" s="14"/>
      <c r="G47" s="18" t="s">
        <v>92</v>
      </c>
      <c r="H47" s="17"/>
      <c r="I47" s="13">
        <v>5403</v>
      </c>
      <c r="J47" s="14">
        <v>1793</v>
      </c>
      <c r="K47" s="14">
        <v>3610</v>
      </c>
    </row>
    <row r="48" spans="1:11" ht="15" customHeight="1">
      <c r="A48" s="17" t="s">
        <v>93</v>
      </c>
      <c r="B48" s="17"/>
      <c r="C48" s="13">
        <v>3397</v>
      </c>
      <c r="D48" s="43">
        <v>1751</v>
      </c>
      <c r="E48" s="43">
        <v>1646</v>
      </c>
      <c r="F48" s="19"/>
      <c r="G48" s="18" t="s">
        <v>94</v>
      </c>
      <c r="H48" s="17"/>
      <c r="I48" s="13">
        <v>1365</v>
      </c>
      <c r="J48" s="19">
        <v>467</v>
      </c>
      <c r="K48" s="19">
        <v>898</v>
      </c>
    </row>
    <row r="49" spans="1:11" ht="15" customHeight="1">
      <c r="A49" s="17" t="s">
        <v>95</v>
      </c>
      <c r="B49" s="17"/>
      <c r="C49" s="13">
        <v>3378</v>
      </c>
      <c r="D49" s="43">
        <v>1761</v>
      </c>
      <c r="E49" s="43">
        <v>1617</v>
      </c>
      <c r="F49" s="19"/>
      <c r="G49" s="18" t="s">
        <v>96</v>
      </c>
      <c r="H49" s="17"/>
      <c r="I49" s="13">
        <v>1146</v>
      </c>
      <c r="J49" s="19">
        <v>389</v>
      </c>
      <c r="K49" s="19">
        <v>757</v>
      </c>
    </row>
    <row r="50" spans="1:11" ht="15" customHeight="1">
      <c r="A50" s="17" t="s">
        <v>97</v>
      </c>
      <c r="B50" s="17"/>
      <c r="C50" s="13">
        <v>3336</v>
      </c>
      <c r="D50" s="43">
        <v>1740</v>
      </c>
      <c r="E50" s="43">
        <v>1596</v>
      </c>
      <c r="F50" s="19"/>
      <c r="G50" s="18" t="s">
        <v>98</v>
      </c>
      <c r="H50" s="17"/>
      <c r="I50" s="13">
        <v>1092</v>
      </c>
      <c r="J50" s="19">
        <v>356</v>
      </c>
      <c r="K50" s="19">
        <v>736</v>
      </c>
    </row>
    <row r="51" spans="1:11" ht="15" customHeight="1">
      <c r="A51" s="17" t="s">
        <v>99</v>
      </c>
      <c r="B51" s="17"/>
      <c r="C51" s="13">
        <v>3269</v>
      </c>
      <c r="D51" s="43">
        <v>1727</v>
      </c>
      <c r="E51" s="43">
        <v>1542</v>
      </c>
      <c r="F51" s="19"/>
      <c r="G51" s="18" t="s">
        <v>100</v>
      </c>
      <c r="H51" s="17"/>
      <c r="I51" s="13">
        <v>961</v>
      </c>
      <c r="J51" s="19">
        <v>320</v>
      </c>
      <c r="K51" s="19">
        <v>641</v>
      </c>
    </row>
    <row r="52" spans="1:11" ht="15" customHeight="1">
      <c r="A52" s="17" t="s">
        <v>101</v>
      </c>
      <c r="B52" s="17"/>
      <c r="C52" s="13">
        <v>3253</v>
      </c>
      <c r="D52" s="43">
        <v>1713</v>
      </c>
      <c r="E52" s="43">
        <v>1540</v>
      </c>
      <c r="F52" s="19"/>
      <c r="G52" s="18" t="s">
        <v>102</v>
      </c>
      <c r="H52" s="17"/>
      <c r="I52" s="13">
        <v>839</v>
      </c>
      <c r="J52" s="19">
        <v>261</v>
      </c>
      <c r="K52" s="19">
        <v>578</v>
      </c>
    </row>
    <row r="53" spans="1:11" ht="20.100000000000001" customHeight="1">
      <c r="A53" s="17" t="s">
        <v>103</v>
      </c>
      <c r="B53" s="17"/>
      <c r="C53" s="13">
        <v>17487</v>
      </c>
      <c r="D53" s="14">
        <v>9038</v>
      </c>
      <c r="E53" s="14">
        <v>8449</v>
      </c>
      <c r="F53" s="14"/>
      <c r="G53" s="18" t="s">
        <v>104</v>
      </c>
      <c r="H53" s="17"/>
      <c r="I53" s="13">
        <v>2569</v>
      </c>
      <c r="J53" s="14">
        <v>757</v>
      </c>
      <c r="K53" s="14">
        <v>1812</v>
      </c>
    </row>
    <row r="54" spans="1:11" ht="15" customHeight="1">
      <c r="A54" s="17" t="s">
        <v>105</v>
      </c>
      <c r="B54" s="17"/>
      <c r="C54" s="13">
        <v>3300</v>
      </c>
      <c r="D54" s="19">
        <v>1676</v>
      </c>
      <c r="E54" s="19">
        <v>1624</v>
      </c>
      <c r="F54" s="19"/>
      <c r="G54" s="18" t="s">
        <v>106</v>
      </c>
      <c r="H54" s="17"/>
      <c r="I54" s="13">
        <v>730</v>
      </c>
      <c r="J54" s="19">
        <v>242</v>
      </c>
      <c r="K54" s="19">
        <v>488</v>
      </c>
    </row>
    <row r="55" spans="1:11" ht="15" customHeight="1">
      <c r="A55" s="17" t="s">
        <v>107</v>
      </c>
      <c r="B55" s="17"/>
      <c r="C55" s="13">
        <v>3396</v>
      </c>
      <c r="D55" s="19">
        <v>1744</v>
      </c>
      <c r="E55" s="19">
        <v>1652</v>
      </c>
      <c r="F55" s="19"/>
      <c r="G55" s="18" t="s">
        <v>108</v>
      </c>
      <c r="H55" s="17"/>
      <c r="I55" s="13">
        <v>616</v>
      </c>
      <c r="J55" s="19">
        <v>180</v>
      </c>
      <c r="K55" s="19">
        <v>436</v>
      </c>
    </row>
    <row r="56" spans="1:11" ht="15" customHeight="1">
      <c r="A56" s="17" t="s">
        <v>109</v>
      </c>
      <c r="B56" s="17"/>
      <c r="C56" s="13">
        <v>3575</v>
      </c>
      <c r="D56" s="19">
        <v>1858</v>
      </c>
      <c r="E56" s="19">
        <v>1717</v>
      </c>
      <c r="F56" s="19"/>
      <c r="G56" s="18" t="s">
        <v>110</v>
      </c>
      <c r="H56" s="17"/>
      <c r="I56" s="13">
        <v>519</v>
      </c>
      <c r="J56" s="19">
        <v>145</v>
      </c>
      <c r="K56" s="19">
        <v>374</v>
      </c>
    </row>
    <row r="57" spans="1:11" ht="15" customHeight="1">
      <c r="A57" s="17" t="s">
        <v>111</v>
      </c>
      <c r="B57" s="17"/>
      <c r="C57" s="13">
        <v>3591</v>
      </c>
      <c r="D57" s="19">
        <v>1875</v>
      </c>
      <c r="E57" s="19">
        <v>1716</v>
      </c>
      <c r="F57" s="19"/>
      <c r="G57" s="18" t="s">
        <v>112</v>
      </c>
      <c r="H57" s="17"/>
      <c r="I57" s="13">
        <v>392</v>
      </c>
      <c r="J57" s="19">
        <v>111</v>
      </c>
      <c r="K57" s="19">
        <v>281</v>
      </c>
    </row>
    <row r="58" spans="1:11" ht="15" customHeight="1">
      <c r="A58" s="17" t="s">
        <v>113</v>
      </c>
      <c r="B58" s="17"/>
      <c r="C58" s="13">
        <v>3625</v>
      </c>
      <c r="D58" s="19">
        <v>1885</v>
      </c>
      <c r="E58" s="19">
        <v>1740</v>
      </c>
      <c r="F58" s="19"/>
      <c r="G58" s="18" t="s">
        <v>114</v>
      </c>
      <c r="H58" s="17"/>
      <c r="I58" s="13">
        <v>312</v>
      </c>
      <c r="J58" s="19">
        <v>79</v>
      </c>
      <c r="K58" s="19">
        <v>233</v>
      </c>
    </row>
    <row r="59" spans="1:11" ht="20.100000000000001" customHeight="1">
      <c r="A59" s="17" t="s">
        <v>115</v>
      </c>
      <c r="B59" s="17"/>
      <c r="C59" s="13">
        <v>20396</v>
      </c>
      <c r="D59" s="14">
        <v>10344</v>
      </c>
      <c r="E59" s="14">
        <v>10052</v>
      </c>
      <c r="F59" s="14"/>
      <c r="G59" s="18" t="s">
        <v>116</v>
      </c>
      <c r="H59" s="17"/>
      <c r="I59" s="13">
        <v>640</v>
      </c>
      <c r="J59" s="14">
        <v>130</v>
      </c>
      <c r="K59" s="14">
        <v>510</v>
      </c>
    </row>
    <row r="60" spans="1:11" ht="15" customHeight="1">
      <c r="A60" s="17" t="s">
        <v>117</v>
      </c>
      <c r="B60" s="17"/>
      <c r="C60" s="13">
        <v>3751</v>
      </c>
      <c r="D60" s="19">
        <v>1924</v>
      </c>
      <c r="E60" s="19">
        <v>1827</v>
      </c>
      <c r="F60" s="19"/>
      <c r="G60" s="18" t="s">
        <v>118</v>
      </c>
      <c r="H60" s="17"/>
      <c r="I60" s="13">
        <v>215</v>
      </c>
      <c r="J60" s="19">
        <v>48</v>
      </c>
      <c r="K60" s="19">
        <v>167</v>
      </c>
    </row>
    <row r="61" spans="1:11" ht="15" customHeight="1">
      <c r="A61" s="17" t="s">
        <v>119</v>
      </c>
      <c r="B61" s="17"/>
      <c r="C61" s="13">
        <v>4063</v>
      </c>
      <c r="D61" s="19">
        <v>2051</v>
      </c>
      <c r="E61" s="19">
        <v>2012</v>
      </c>
      <c r="F61" s="19"/>
      <c r="G61" s="18" t="s">
        <v>120</v>
      </c>
      <c r="H61" s="17"/>
      <c r="I61" s="13">
        <v>174</v>
      </c>
      <c r="J61" s="19">
        <v>38</v>
      </c>
      <c r="K61" s="19">
        <v>136</v>
      </c>
    </row>
    <row r="62" spans="1:11" ht="15" customHeight="1">
      <c r="A62" s="17" t="s">
        <v>121</v>
      </c>
      <c r="B62" s="17"/>
      <c r="C62" s="13">
        <v>4333</v>
      </c>
      <c r="D62" s="19">
        <v>2184</v>
      </c>
      <c r="E62" s="19">
        <v>2149</v>
      </c>
      <c r="F62" s="19"/>
      <c r="G62" s="18" t="s">
        <v>122</v>
      </c>
      <c r="H62" s="17"/>
      <c r="I62" s="13">
        <v>102</v>
      </c>
      <c r="J62" s="19">
        <v>20</v>
      </c>
      <c r="K62" s="19">
        <v>82</v>
      </c>
    </row>
    <row r="63" spans="1:11" ht="15" customHeight="1">
      <c r="A63" s="17" t="s">
        <v>123</v>
      </c>
      <c r="B63" s="17"/>
      <c r="C63" s="13">
        <v>4213</v>
      </c>
      <c r="D63" s="19">
        <v>2122</v>
      </c>
      <c r="E63" s="19">
        <v>2091</v>
      </c>
      <c r="F63" s="19"/>
      <c r="G63" s="18" t="s">
        <v>124</v>
      </c>
      <c r="H63" s="17"/>
      <c r="I63" s="13">
        <v>84</v>
      </c>
      <c r="J63" s="19">
        <v>14</v>
      </c>
      <c r="K63" s="19">
        <v>70</v>
      </c>
    </row>
    <row r="64" spans="1:11" ht="15" customHeight="1">
      <c r="A64" s="17" t="s">
        <v>125</v>
      </c>
      <c r="B64" s="17"/>
      <c r="C64" s="13">
        <v>4036</v>
      </c>
      <c r="D64" s="19">
        <v>2063</v>
      </c>
      <c r="E64" s="19">
        <v>1973</v>
      </c>
      <c r="F64" s="19"/>
      <c r="G64" s="18" t="s">
        <v>126</v>
      </c>
      <c r="H64" s="17"/>
      <c r="I64" s="13">
        <v>65</v>
      </c>
      <c r="J64" s="19">
        <v>10</v>
      </c>
      <c r="K64" s="19">
        <v>5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07</v>
      </c>
      <c r="J65" s="19">
        <v>15</v>
      </c>
      <c r="K65" s="19">
        <v>9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9531</v>
      </c>
      <c r="J66" s="29">
        <v>6300</v>
      </c>
      <c r="K66" s="29">
        <v>323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23830</v>
      </c>
      <c r="D4" s="14">
        <v>115376</v>
      </c>
      <c r="E4" s="14">
        <v>10845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431</v>
      </c>
      <c r="D5" s="14">
        <v>3766</v>
      </c>
      <c r="E5" s="14">
        <v>3665</v>
      </c>
      <c r="F5" s="14"/>
      <c r="G5" s="18" t="s">
        <v>8</v>
      </c>
      <c r="H5" s="17"/>
      <c r="I5" s="13">
        <v>16991</v>
      </c>
      <c r="J5" s="14">
        <v>9190</v>
      </c>
      <c r="K5" s="14">
        <v>7801</v>
      </c>
    </row>
    <row r="6" spans="1:11" ht="15" customHeight="1">
      <c r="A6" s="17" t="s">
        <v>9</v>
      </c>
      <c r="B6" s="17"/>
      <c r="C6" s="13">
        <v>1369</v>
      </c>
      <c r="D6" s="19">
        <v>683</v>
      </c>
      <c r="E6" s="19">
        <v>686</v>
      </c>
      <c r="F6" s="19"/>
      <c r="G6" s="18" t="s">
        <v>10</v>
      </c>
      <c r="H6" s="17"/>
      <c r="I6" s="13">
        <v>3767</v>
      </c>
      <c r="J6" s="19">
        <v>2041</v>
      </c>
      <c r="K6" s="19">
        <v>1726</v>
      </c>
    </row>
    <row r="7" spans="1:11" ht="15" customHeight="1">
      <c r="A7" s="17" t="s">
        <v>11</v>
      </c>
      <c r="B7" s="17"/>
      <c r="C7" s="13">
        <v>1394</v>
      </c>
      <c r="D7" s="19">
        <v>718</v>
      </c>
      <c r="E7" s="19">
        <v>676</v>
      </c>
      <c r="F7" s="19"/>
      <c r="G7" s="18" t="s">
        <v>12</v>
      </c>
      <c r="H7" s="17"/>
      <c r="I7" s="13">
        <v>3576</v>
      </c>
      <c r="J7" s="19">
        <v>1903</v>
      </c>
      <c r="K7" s="19">
        <v>1673</v>
      </c>
    </row>
    <row r="8" spans="1:11" ht="15" customHeight="1">
      <c r="A8" s="17" t="s">
        <v>13</v>
      </c>
      <c r="B8" s="17"/>
      <c r="C8" s="13">
        <v>1510</v>
      </c>
      <c r="D8" s="19">
        <v>752</v>
      </c>
      <c r="E8" s="19">
        <v>758</v>
      </c>
      <c r="F8" s="19"/>
      <c r="G8" s="18" t="s">
        <v>14</v>
      </c>
      <c r="H8" s="17"/>
      <c r="I8" s="13">
        <v>3479</v>
      </c>
      <c r="J8" s="19">
        <v>1907</v>
      </c>
      <c r="K8" s="19">
        <v>1572</v>
      </c>
    </row>
    <row r="9" spans="1:11" ht="15" customHeight="1">
      <c r="A9" s="17" t="s">
        <v>15</v>
      </c>
      <c r="B9" s="17"/>
      <c r="C9" s="13">
        <v>1546</v>
      </c>
      <c r="D9" s="19">
        <v>821</v>
      </c>
      <c r="E9" s="19">
        <v>725</v>
      </c>
      <c r="F9" s="19"/>
      <c r="G9" s="18" t="s">
        <v>16</v>
      </c>
      <c r="H9" s="17"/>
      <c r="I9" s="13">
        <v>3642</v>
      </c>
      <c r="J9" s="19">
        <v>1947</v>
      </c>
      <c r="K9" s="19">
        <v>1695</v>
      </c>
    </row>
    <row r="10" spans="1:11" ht="15" customHeight="1">
      <c r="A10" s="17" t="s">
        <v>17</v>
      </c>
      <c r="B10" s="17"/>
      <c r="C10" s="13">
        <v>1612</v>
      </c>
      <c r="D10" s="19">
        <v>792</v>
      </c>
      <c r="E10" s="19">
        <v>820</v>
      </c>
      <c r="F10" s="19"/>
      <c r="G10" s="18" t="s">
        <v>18</v>
      </c>
      <c r="H10" s="17"/>
      <c r="I10" s="13">
        <v>2527</v>
      </c>
      <c r="J10" s="19">
        <v>1392</v>
      </c>
      <c r="K10" s="19">
        <v>1135</v>
      </c>
    </row>
    <row r="11" spans="1:11" ht="20.100000000000001" customHeight="1">
      <c r="A11" s="17" t="s">
        <v>19</v>
      </c>
      <c r="B11" s="17"/>
      <c r="C11" s="13">
        <v>8822</v>
      </c>
      <c r="D11" s="14">
        <v>4517</v>
      </c>
      <c r="E11" s="14">
        <v>4305</v>
      </c>
      <c r="F11" s="14"/>
      <c r="G11" s="18" t="s">
        <v>20</v>
      </c>
      <c r="H11" s="17"/>
      <c r="I11" s="13">
        <v>13989</v>
      </c>
      <c r="J11" s="14">
        <v>7540</v>
      </c>
      <c r="K11" s="14">
        <v>6449</v>
      </c>
    </row>
    <row r="12" spans="1:11" ht="15" customHeight="1">
      <c r="A12" s="17" t="s">
        <v>21</v>
      </c>
      <c r="B12" s="17"/>
      <c r="C12" s="13">
        <v>1708</v>
      </c>
      <c r="D12" s="19">
        <v>834</v>
      </c>
      <c r="E12" s="19">
        <v>874</v>
      </c>
      <c r="F12" s="19"/>
      <c r="G12" s="18" t="s">
        <v>22</v>
      </c>
      <c r="H12" s="17"/>
      <c r="I12" s="13">
        <v>3314</v>
      </c>
      <c r="J12" s="19">
        <v>1813</v>
      </c>
      <c r="K12" s="19">
        <v>1501</v>
      </c>
    </row>
    <row r="13" spans="1:11" ht="15" customHeight="1">
      <c r="A13" s="17" t="s">
        <v>23</v>
      </c>
      <c r="B13" s="17"/>
      <c r="C13" s="13">
        <v>1693</v>
      </c>
      <c r="D13" s="19">
        <v>830</v>
      </c>
      <c r="E13" s="19">
        <v>863</v>
      </c>
      <c r="F13" s="19"/>
      <c r="G13" s="18" t="s">
        <v>24</v>
      </c>
      <c r="H13" s="17"/>
      <c r="I13" s="13">
        <v>2947</v>
      </c>
      <c r="J13" s="19">
        <v>1602</v>
      </c>
      <c r="K13" s="19">
        <v>1345</v>
      </c>
    </row>
    <row r="14" spans="1:11" ht="15" customHeight="1">
      <c r="A14" s="17" t="s">
        <v>25</v>
      </c>
      <c r="B14" s="17"/>
      <c r="C14" s="13">
        <v>1777</v>
      </c>
      <c r="D14" s="19">
        <v>921</v>
      </c>
      <c r="E14" s="19">
        <v>856</v>
      </c>
      <c r="F14" s="19"/>
      <c r="G14" s="18" t="s">
        <v>26</v>
      </c>
      <c r="H14" s="17"/>
      <c r="I14" s="13">
        <v>2692</v>
      </c>
      <c r="J14" s="19">
        <v>1460</v>
      </c>
      <c r="K14" s="19">
        <v>1232</v>
      </c>
    </row>
    <row r="15" spans="1:11" ht="15" customHeight="1">
      <c r="A15" s="17" t="s">
        <v>27</v>
      </c>
      <c r="B15" s="17"/>
      <c r="C15" s="13">
        <v>1793</v>
      </c>
      <c r="D15" s="19">
        <v>923</v>
      </c>
      <c r="E15" s="19">
        <v>870</v>
      </c>
      <c r="F15" s="19"/>
      <c r="G15" s="18" t="s">
        <v>28</v>
      </c>
      <c r="H15" s="17"/>
      <c r="I15" s="13">
        <v>2518</v>
      </c>
      <c r="J15" s="19">
        <v>1347</v>
      </c>
      <c r="K15" s="19">
        <v>1171</v>
      </c>
    </row>
    <row r="16" spans="1:11" ht="15" customHeight="1">
      <c r="A16" s="17" t="s">
        <v>29</v>
      </c>
      <c r="B16" s="17"/>
      <c r="C16" s="13">
        <v>1851</v>
      </c>
      <c r="D16" s="19">
        <v>1009</v>
      </c>
      <c r="E16" s="19">
        <v>842</v>
      </c>
      <c r="F16" s="19"/>
      <c r="G16" s="18" t="s">
        <v>30</v>
      </c>
      <c r="H16" s="17"/>
      <c r="I16" s="13">
        <v>2518</v>
      </c>
      <c r="J16" s="19">
        <v>1318</v>
      </c>
      <c r="K16" s="19">
        <v>1200</v>
      </c>
    </row>
    <row r="17" spans="1:11" ht="20.100000000000001" customHeight="1">
      <c r="A17" s="20" t="s">
        <v>31</v>
      </c>
      <c r="B17" s="20"/>
      <c r="C17" s="13">
        <v>9849</v>
      </c>
      <c r="D17" s="14">
        <v>5104</v>
      </c>
      <c r="E17" s="14">
        <v>4745</v>
      </c>
      <c r="F17" s="14"/>
      <c r="G17" s="18" t="s">
        <v>32</v>
      </c>
      <c r="H17" s="17"/>
      <c r="I17" s="13">
        <v>11692</v>
      </c>
      <c r="J17" s="14">
        <v>6037</v>
      </c>
      <c r="K17" s="14">
        <v>5655</v>
      </c>
    </row>
    <row r="18" spans="1:11" ht="15" customHeight="1">
      <c r="A18" s="17" t="s">
        <v>33</v>
      </c>
      <c r="B18" s="17"/>
      <c r="C18" s="13">
        <v>1977</v>
      </c>
      <c r="D18" s="19">
        <v>1010</v>
      </c>
      <c r="E18" s="19">
        <v>967</v>
      </c>
      <c r="F18" s="19"/>
      <c r="G18" s="18" t="s">
        <v>34</v>
      </c>
      <c r="H18" s="17"/>
      <c r="I18" s="13">
        <v>2397</v>
      </c>
      <c r="J18" s="19">
        <v>1219</v>
      </c>
      <c r="K18" s="19">
        <v>1178</v>
      </c>
    </row>
    <row r="19" spans="1:11" ht="15" customHeight="1">
      <c r="A19" s="17" t="s">
        <v>35</v>
      </c>
      <c r="B19" s="17"/>
      <c r="C19" s="13">
        <v>1895</v>
      </c>
      <c r="D19" s="19">
        <v>1001</v>
      </c>
      <c r="E19" s="19">
        <v>894</v>
      </c>
      <c r="F19" s="19"/>
      <c r="G19" s="18" t="s">
        <v>36</v>
      </c>
      <c r="H19" s="17"/>
      <c r="I19" s="13">
        <v>2408</v>
      </c>
      <c r="J19" s="19">
        <v>1265</v>
      </c>
      <c r="K19" s="19">
        <v>1143</v>
      </c>
    </row>
    <row r="20" spans="1:11" ht="15" customHeight="1">
      <c r="A20" s="17" t="s">
        <v>37</v>
      </c>
      <c r="B20" s="17"/>
      <c r="C20" s="13">
        <v>1997</v>
      </c>
      <c r="D20" s="19">
        <v>1014</v>
      </c>
      <c r="E20" s="19">
        <v>983</v>
      </c>
      <c r="F20" s="19"/>
      <c r="G20" s="18" t="s">
        <v>38</v>
      </c>
      <c r="H20" s="17"/>
      <c r="I20" s="13">
        <v>2331</v>
      </c>
      <c r="J20" s="19">
        <v>1196</v>
      </c>
      <c r="K20" s="19">
        <v>1135</v>
      </c>
    </row>
    <row r="21" spans="1:11" ht="15" customHeight="1">
      <c r="A21" s="17" t="s">
        <v>39</v>
      </c>
      <c r="B21" s="17"/>
      <c r="C21" s="13">
        <v>2002</v>
      </c>
      <c r="D21" s="19">
        <v>1050</v>
      </c>
      <c r="E21" s="19">
        <v>952</v>
      </c>
      <c r="F21" s="19"/>
      <c r="G21" s="18" t="s">
        <v>40</v>
      </c>
      <c r="H21" s="17"/>
      <c r="I21" s="13">
        <v>2230</v>
      </c>
      <c r="J21" s="19">
        <v>1178</v>
      </c>
      <c r="K21" s="19">
        <v>1052</v>
      </c>
    </row>
    <row r="22" spans="1:11" ht="15" customHeight="1">
      <c r="A22" s="17" t="s">
        <v>41</v>
      </c>
      <c r="B22" s="17"/>
      <c r="C22" s="13">
        <v>1978</v>
      </c>
      <c r="D22" s="19">
        <v>1029</v>
      </c>
      <c r="E22" s="19">
        <v>949</v>
      </c>
      <c r="F22" s="19"/>
      <c r="G22" s="18" t="s">
        <v>42</v>
      </c>
      <c r="H22" s="17"/>
      <c r="I22" s="13">
        <v>2326</v>
      </c>
      <c r="J22" s="19">
        <v>1179</v>
      </c>
      <c r="K22" s="19">
        <v>1147</v>
      </c>
    </row>
    <row r="23" spans="1:11" ht="20.100000000000001" customHeight="1">
      <c r="A23" s="17" t="s">
        <v>43</v>
      </c>
      <c r="B23" s="17"/>
      <c r="C23" s="13">
        <v>10808</v>
      </c>
      <c r="D23" s="14">
        <v>5607</v>
      </c>
      <c r="E23" s="14">
        <v>5201</v>
      </c>
      <c r="F23" s="14"/>
      <c r="G23" s="18" t="s">
        <v>44</v>
      </c>
      <c r="H23" s="17"/>
      <c r="I23" s="13">
        <v>13520</v>
      </c>
      <c r="J23" s="14">
        <v>6522</v>
      </c>
      <c r="K23" s="14">
        <v>6998</v>
      </c>
    </row>
    <row r="24" spans="1:11" ht="15" customHeight="1">
      <c r="A24" s="17" t="s">
        <v>45</v>
      </c>
      <c r="B24" s="17"/>
      <c r="C24" s="13">
        <v>1976</v>
      </c>
      <c r="D24" s="19">
        <v>1001</v>
      </c>
      <c r="E24" s="19">
        <v>975</v>
      </c>
      <c r="F24" s="19"/>
      <c r="G24" s="18" t="s">
        <v>46</v>
      </c>
      <c r="H24" s="17"/>
      <c r="I24" s="13">
        <v>2442</v>
      </c>
      <c r="J24" s="19">
        <v>1201</v>
      </c>
      <c r="K24" s="19">
        <v>1241</v>
      </c>
    </row>
    <row r="25" spans="1:11" ht="15" customHeight="1">
      <c r="A25" s="17" t="s">
        <v>47</v>
      </c>
      <c r="B25" s="17"/>
      <c r="C25" s="13">
        <v>1930</v>
      </c>
      <c r="D25" s="19">
        <v>967</v>
      </c>
      <c r="E25" s="19">
        <v>963</v>
      </c>
      <c r="F25" s="19"/>
      <c r="G25" s="18" t="s">
        <v>48</v>
      </c>
      <c r="H25" s="17"/>
      <c r="I25" s="13">
        <v>2563</v>
      </c>
      <c r="J25" s="19">
        <v>1227</v>
      </c>
      <c r="K25" s="19">
        <v>1336</v>
      </c>
    </row>
    <row r="26" spans="1:11" ht="15" customHeight="1">
      <c r="A26" s="17" t="s">
        <v>49</v>
      </c>
      <c r="B26" s="17"/>
      <c r="C26" s="13">
        <v>2084</v>
      </c>
      <c r="D26" s="19">
        <v>1053</v>
      </c>
      <c r="E26" s="19">
        <v>1031</v>
      </c>
      <c r="F26" s="19"/>
      <c r="G26" s="18" t="s">
        <v>50</v>
      </c>
      <c r="H26" s="17"/>
      <c r="I26" s="13">
        <v>2573</v>
      </c>
      <c r="J26" s="19">
        <v>1248</v>
      </c>
      <c r="K26" s="19">
        <v>1325</v>
      </c>
    </row>
    <row r="27" spans="1:11" ht="15" customHeight="1">
      <c r="A27" s="17" t="s">
        <v>51</v>
      </c>
      <c r="B27" s="17"/>
      <c r="C27" s="13">
        <v>2206</v>
      </c>
      <c r="D27" s="19">
        <v>1129</v>
      </c>
      <c r="E27" s="19">
        <v>1077</v>
      </c>
      <c r="F27" s="19"/>
      <c r="G27" s="18" t="s">
        <v>52</v>
      </c>
      <c r="H27" s="17"/>
      <c r="I27" s="13">
        <v>2934</v>
      </c>
      <c r="J27" s="19">
        <v>1402</v>
      </c>
      <c r="K27" s="19">
        <v>1532</v>
      </c>
    </row>
    <row r="28" spans="1:11" ht="15" customHeight="1">
      <c r="A28" s="17" t="s">
        <v>53</v>
      </c>
      <c r="B28" s="17"/>
      <c r="C28" s="13">
        <v>2612</v>
      </c>
      <c r="D28" s="19">
        <v>1457</v>
      </c>
      <c r="E28" s="19">
        <v>1155</v>
      </c>
      <c r="F28" s="19"/>
      <c r="G28" s="18" t="s">
        <v>54</v>
      </c>
      <c r="H28" s="17"/>
      <c r="I28" s="13">
        <v>3008</v>
      </c>
      <c r="J28" s="19">
        <v>1444</v>
      </c>
      <c r="K28" s="19">
        <v>1564</v>
      </c>
    </row>
    <row r="29" spans="1:11" ht="20.100000000000001" customHeight="1">
      <c r="A29" s="17" t="s">
        <v>55</v>
      </c>
      <c r="B29" s="17"/>
      <c r="C29" s="13">
        <v>12923</v>
      </c>
      <c r="D29" s="14">
        <v>7161</v>
      </c>
      <c r="E29" s="14">
        <v>5762</v>
      </c>
      <c r="F29" s="14"/>
      <c r="G29" s="18" t="s">
        <v>56</v>
      </c>
      <c r="H29" s="17"/>
      <c r="I29" s="13">
        <v>16434</v>
      </c>
      <c r="J29" s="14">
        <v>7861</v>
      </c>
      <c r="K29" s="14">
        <v>8573</v>
      </c>
    </row>
    <row r="30" spans="1:11" ht="15" customHeight="1">
      <c r="A30" s="17" t="s">
        <v>57</v>
      </c>
      <c r="B30" s="17"/>
      <c r="C30" s="13">
        <v>2717</v>
      </c>
      <c r="D30" s="19">
        <v>1523</v>
      </c>
      <c r="E30" s="19">
        <v>1194</v>
      </c>
      <c r="F30" s="19"/>
      <c r="G30" s="18" t="s">
        <v>58</v>
      </c>
      <c r="H30" s="17"/>
      <c r="I30" s="13">
        <v>3205</v>
      </c>
      <c r="J30" s="19">
        <v>1545</v>
      </c>
      <c r="K30" s="19">
        <v>1660</v>
      </c>
    </row>
    <row r="31" spans="1:11" ht="15" customHeight="1">
      <c r="A31" s="17" t="s">
        <v>59</v>
      </c>
      <c r="B31" s="17"/>
      <c r="C31" s="13">
        <v>2757</v>
      </c>
      <c r="D31" s="19">
        <v>1540</v>
      </c>
      <c r="E31" s="19">
        <v>1217</v>
      </c>
      <c r="F31" s="19"/>
      <c r="G31" s="18" t="s">
        <v>60</v>
      </c>
      <c r="H31" s="17"/>
      <c r="I31" s="13">
        <v>3640</v>
      </c>
      <c r="J31" s="19">
        <v>1757</v>
      </c>
      <c r="K31" s="19">
        <v>1883</v>
      </c>
    </row>
    <row r="32" spans="1:11" ht="15" customHeight="1">
      <c r="A32" s="17" t="s">
        <v>61</v>
      </c>
      <c r="B32" s="17"/>
      <c r="C32" s="13">
        <v>2684</v>
      </c>
      <c r="D32" s="19">
        <v>1517</v>
      </c>
      <c r="E32" s="19">
        <v>1167</v>
      </c>
      <c r="F32" s="19"/>
      <c r="G32" s="18" t="s">
        <v>62</v>
      </c>
      <c r="H32" s="17"/>
      <c r="I32" s="13">
        <v>3563</v>
      </c>
      <c r="J32" s="19">
        <v>1672</v>
      </c>
      <c r="K32" s="19">
        <v>1891</v>
      </c>
    </row>
    <row r="33" spans="1:11" ht="15" customHeight="1">
      <c r="A33" s="17" t="s">
        <v>63</v>
      </c>
      <c r="B33" s="17"/>
      <c r="C33" s="13">
        <v>2407</v>
      </c>
      <c r="D33" s="19">
        <v>1280</v>
      </c>
      <c r="E33" s="19">
        <v>1127</v>
      </c>
      <c r="F33" s="19"/>
      <c r="G33" s="18" t="s">
        <v>64</v>
      </c>
      <c r="H33" s="17"/>
      <c r="I33" s="13">
        <v>3539</v>
      </c>
      <c r="J33" s="19">
        <v>1671</v>
      </c>
      <c r="K33" s="19">
        <v>1868</v>
      </c>
    </row>
    <row r="34" spans="1:11" ht="15" customHeight="1">
      <c r="A34" s="17" t="s">
        <v>65</v>
      </c>
      <c r="B34" s="17"/>
      <c r="C34" s="13">
        <v>2358</v>
      </c>
      <c r="D34" s="19">
        <v>1301</v>
      </c>
      <c r="E34" s="19">
        <v>1057</v>
      </c>
      <c r="F34" s="19"/>
      <c r="G34" s="18" t="s">
        <v>66</v>
      </c>
      <c r="H34" s="17"/>
      <c r="I34" s="13">
        <v>2487</v>
      </c>
      <c r="J34" s="19">
        <v>1216</v>
      </c>
      <c r="K34" s="19">
        <v>1271</v>
      </c>
    </row>
    <row r="35" spans="1:11" ht="20.100000000000001" customHeight="1">
      <c r="A35" s="17" t="s">
        <v>67</v>
      </c>
      <c r="B35" s="17"/>
      <c r="C35" s="13">
        <v>11673</v>
      </c>
      <c r="D35" s="14">
        <v>6588</v>
      </c>
      <c r="E35" s="14">
        <v>5085</v>
      </c>
      <c r="F35" s="14"/>
      <c r="G35" s="18" t="s">
        <v>68</v>
      </c>
      <c r="H35" s="17"/>
      <c r="I35" s="13">
        <v>12257</v>
      </c>
      <c r="J35" s="14">
        <v>5753</v>
      </c>
      <c r="K35" s="14">
        <v>6504</v>
      </c>
    </row>
    <row r="36" spans="1:11" ht="15" customHeight="1">
      <c r="A36" s="17" t="s">
        <v>69</v>
      </c>
      <c r="B36" s="17"/>
      <c r="C36" s="13">
        <v>2340</v>
      </c>
      <c r="D36" s="19">
        <v>1288</v>
      </c>
      <c r="E36" s="19">
        <v>1052</v>
      </c>
      <c r="F36" s="19"/>
      <c r="G36" s="18" t="s">
        <v>70</v>
      </c>
      <c r="H36" s="17"/>
      <c r="I36" s="13">
        <v>2163</v>
      </c>
      <c r="J36" s="19">
        <v>1061</v>
      </c>
      <c r="K36" s="19">
        <v>1102</v>
      </c>
    </row>
    <row r="37" spans="1:11" ht="15" customHeight="1">
      <c r="A37" s="17" t="s">
        <v>71</v>
      </c>
      <c r="B37" s="17"/>
      <c r="C37" s="13">
        <v>2468</v>
      </c>
      <c r="D37" s="19">
        <v>1425</v>
      </c>
      <c r="E37" s="19">
        <v>1043</v>
      </c>
      <c r="F37" s="19"/>
      <c r="G37" s="18" t="s">
        <v>72</v>
      </c>
      <c r="H37" s="17"/>
      <c r="I37" s="13">
        <v>2614</v>
      </c>
      <c r="J37" s="19">
        <v>1214</v>
      </c>
      <c r="K37" s="19">
        <v>1400</v>
      </c>
    </row>
    <row r="38" spans="1:11" ht="15" customHeight="1">
      <c r="A38" s="17" t="s">
        <v>73</v>
      </c>
      <c r="B38" s="17"/>
      <c r="C38" s="13">
        <v>2353</v>
      </c>
      <c r="D38" s="19">
        <v>1350</v>
      </c>
      <c r="E38" s="19">
        <v>1003</v>
      </c>
      <c r="F38" s="19"/>
      <c r="G38" s="18" t="s">
        <v>74</v>
      </c>
      <c r="H38" s="17"/>
      <c r="I38" s="13">
        <v>2621</v>
      </c>
      <c r="J38" s="19">
        <v>1209</v>
      </c>
      <c r="K38" s="19">
        <v>1412</v>
      </c>
    </row>
    <row r="39" spans="1:11" ht="15" customHeight="1">
      <c r="A39" s="17" t="s">
        <v>75</v>
      </c>
      <c r="B39" s="17"/>
      <c r="C39" s="13">
        <v>2276</v>
      </c>
      <c r="D39" s="19">
        <v>1274</v>
      </c>
      <c r="E39" s="19">
        <v>1002</v>
      </c>
      <c r="F39" s="19"/>
      <c r="G39" s="18" t="s">
        <v>76</v>
      </c>
      <c r="H39" s="17"/>
      <c r="I39" s="13">
        <v>2547</v>
      </c>
      <c r="J39" s="19">
        <v>1201</v>
      </c>
      <c r="K39" s="19">
        <v>1346</v>
      </c>
    </row>
    <row r="40" spans="1:11" ht="15" customHeight="1">
      <c r="A40" s="17" t="s">
        <v>77</v>
      </c>
      <c r="B40" s="17"/>
      <c r="C40" s="13">
        <v>2236</v>
      </c>
      <c r="D40" s="19">
        <v>1251</v>
      </c>
      <c r="E40" s="19">
        <v>985</v>
      </c>
      <c r="F40" s="19"/>
      <c r="G40" s="18" t="s">
        <v>78</v>
      </c>
      <c r="H40" s="17"/>
      <c r="I40" s="13">
        <v>2312</v>
      </c>
      <c r="J40" s="19">
        <v>1068</v>
      </c>
      <c r="K40" s="19">
        <v>1244</v>
      </c>
    </row>
    <row r="41" spans="1:11" ht="20.100000000000001" customHeight="1">
      <c r="A41" s="17" t="s">
        <v>79</v>
      </c>
      <c r="B41" s="17"/>
      <c r="C41" s="13">
        <v>11101</v>
      </c>
      <c r="D41" s="14">
        <v>6182</v>
      </c>
      <c r="E41" s="14">
        <v>4919</v>
      </c>
      <c r="F41" s="14"/>
      <c r="G41" s="18" t="s">
        <v>80</v>
      </c>
      <c r="H41" s="17"/>
      <c r="I41" s="13">
        <v>8320</v>
      </c>
      <c r="J41" s="14">
        <v>3900</v>
      </c>
      <c r="K41" s="14">
        <v>4420</v>
      </c>
    </row>
    <row r="42" spans="1:11" ht="15" customHeight="1">
      <c r="A42" s="17" t="s">
        <v>81</v>
      </c>
      <c r="B42" s="17"/>
      <c r="C42" s="13">
        <v>2212</v>
      </c>
      <c r="D42" s="19">
        <v>1260</v>
      </c>
      <c r="E42" s="19">
        <v>952</v>
      </c>
      <c r="F42" s="19"/>
      <c r="G42" s="18" t="s">
        <v>82</v>
      </c>
      <c r="H42" s="17"/>
      <c r="I42" s="13">
        <v>2196</v>
      </c>
      <c r="J42" s="19">
        <v>1046</v>
      </c>
      <c r="K42" s="19">
        <v>1150</v>
      </c>
    </row>
    <row r="43" spans="1:11" ht="15" customHeight="1">
      <c r="A43" s="17" t="s">
        <v>83</v>
      </c>
      <c r="B43" s="17"/>
      <c r="C43" s="13">
        <v>2152</v>
      </c>
      <c r="D43" s="19">
        <v>1234</v>
      </c>
      <c r="E43" s="19">
        <v>918</v>
      </c>
      <c r="F43" s="19"/>
      <c r="G43" s="18" t="s">
        <v>84</v>
      </c>
      <c r="H43" s="17"/>
      <c r="I43" s="13">
        <v>1744</v>
      </c>
      <c r="J43" s="19">
        <v>817</v>
      </c>
      <c r="K43" s="19">
        <v>927</v>
      </c>
    </row>
    <row r="44" spans="1:11" ht="15" customHeight="1">
      <c r="A44" s="17" t="s">
        <v>85</v>
      </c>
      <c r="B44" s="17"/>
      <c r="C44" s="13">
        <v>2228</v>
      </c>
      <c r="D44" s="19">
        <v>1206</v>
      </c>
      <c r="E44" s="19">
        <v>1022</v>
      </c>
      <c r="F44" s="19"/>
      <c r="G44" s="18" t="s">
        <v>86</v>
      </c>
      <c r="H44" s="17"/>
      <c r="I44" s="13">
        <v>1526</v>
      </c>
      <c r="J44" s="19">
        <v>731</v>
      </c>
      <c r="K44" s="19">
        <v>795</v>
      </c>
    </row>
    <row r="45" spans="1:11" ht="15" customHeight="1">
      <c r="A45" s="17" t="s">
        <v>87</v>
      </c>
      <c r="B45" s="17"/>
      <c r="C45" s="13">
        <v>2190</v>
      </c>
      <c r="D45" s="19">
        <v>1188</v>
      </c>
      <c r="E45" s="19">
        <v>1002</v>
      </c>
      <c r="F45" s="19"/>
      <c r="G45" s="18" t="s">
        <v>88</v>
      </c>
      <c r="H45" s="17"/>
      <c r="I45" s="13">
        <v>1492</v>
      </c>
      <c r="J45" s="19">
        <v>680</v>
      </c>
      <c r="K45" s="19">
        <v>812</v>
      </c>
    </row>
    <row r="46" spans="1:11" ht="15" customHeight="1">
      <c r="A46" s="17" t="s">
        <v>89</v>
      </c>
      <c r="B46" s="17"/>
      <c r="C46" s="13">
        <v>2319</v>
      </c>
      <c r="D46" s="19">
        <v>1294</v>
      </c>
      <c r="E46" s="19">
        <v>1025</v>
      </c>
      <c r="F46" s="19"/>
      <c r="G46" s="18" t="s">
        <v>90</v>
      </c>
      <c r="H46" s="17"/>
      <c r="I46" s="13">
        <v>1362</v>
      </c>
      <c r="J46" s="19">
        <v>626</v>
      </c>
      <c r="K46" s="19">
        <v>736</v>
      </c>
    </row>
    <row r="47" spans="1:11" ht="20.100000000000001" customHeight="1">
      <c r="A47" s="17" t="s">
        <v>91</v>
      </c>
      <c r="B47" s="17"/>
      <c r="C47" s="13">
        <v>13024</v>
      </c>
      <c r="D47" s="14">
        <v>7027</v>
      </c>
      <c r="E47" s="14">
        <v>5997</v>
      </c>
      <c r="F47" s="14"/>
      <c r="G47" s="18" t="s">
        <v>92</v>
      </c>
      <c r="H47" s="17"/>
      <c r="I47" s="13">
        <v>4629</v>
      </c>
      <c r="J47" s="14">
        <v>1815</v>
      </c>
      <c r="K47" s="14">
        <v>2814</v>
      </c>
    </row>
    <row r="48" spans="1:11" ht="15" customHeight="1">
      <c r="A48" s="17" t="s">
        <v>93</v>
      </c>
      <c r="B48" s="17"/>
      <c r="C48" s="13">
        <v>2402</v>
      </c>
      <c r="D48" s="19">
        <v>1298</v>
      </c>
      <c r="E48" s="19">
        <v>1104</v>
      </c>
      <c r="F48" s="19"/>
      <c r="G48" s="18" t="s">
        <v>94</v>
      </c>
      <c r="H48" s="17"/>
      <c r="I48" s="13">
        <v>1244</v>
      </c>
      <c r="J48" s="19">
        <v>523</v>
      </c>
      <c r="K48" s="19">
        <v>721</v>
      </c>
    </row>
    <row r="49" spans="1:11" ht="15" customHeight="1">
      <c r="A49" s="17" t="s">
        <v>95</v>
      </c>
      <c r="B49" s="17"/>
      <c r="C49" s="13">
        <v>2593</v>
      </c>
      <c r="D49" s="19">
        <v>1425</v>
      </c>
      <c r="E49" s="19">
        <v>1168</v>
      </c>
      <c r="F49" s="19"/>
      <c r="G49" s="18" t="s">
        <v>96</v>
      </c>
      <c r="H49" s="17"/>
      <c r="I49" s="13">
        <v>1021</v>
      </c>
      <c r="J49" s="19">
        <v>429</v>
      </c>
      <c r="K49" s="19">
        <v>592</v>
      </c>
    </row>
    <row r="50" spans="1:11" ht="15" customHeight="1">
      <c r="A50" s="17" t="s">
        <v>97</v>
      </c>
      <c r="B50" s="17"/>
      <c r="C50" s="13">
        <v>2705</v>
      </c>
      <c r="D50" s="19">
        <v>1466</v>
      </c>
      <c r="E50" s="19">
        <v>1239</v>
      </c>
      <c r="F50" s="19"/>
      <c r="G50" s="18" t="s">
        <v>98</v>
      </c>
      <c r="H50" s="17"/>
      <c r="I50" s="13">
        <v>880</v>
      </c>
      <c r="J50" s="19">
        <v>346</v>
      </c>
      <c r="K50" s="19">
        <v>534</v>
      </c>
    </row>
    <row r="51" spans="1:11" ht="15" customHeight="1">
      <c r="A51" s="17" t="s">
        <v>99</v>
      </c>
      <c r="B51" s="17"/>
      <c r="C51" s="13">
        <v>2557</v>
      </c>
      <c r="D51" s="19">
        <v>1364</v>
      </c>
      <c r="E51" s="19">
        <v>1193</v>
      </c>
      <c r="F51" s="19"/>
      <c r="G51" s="18" t="s">
        <v>100</v>
      </c>
      <c r="H51" s="17"/>
      <c r="I51" s="13">
        <v>826</v>
      </c>
      <c r="J51" s="19">
        <v>303</v>
      </c>
      <c r="K51" s="19">
        <v>523</v>
      </c>
    </row>
    <row r="52" spans="1:11" ht="15" customHeight="1">
      <c r="A52" s="17" t="s">
        <v>101</v>
      </c>
      <c r="B52" s="17"/>
      <c r="C52" s="13">
        <v>2767</v>
      </c>
      <c r="D52" s="19">
        <v>1474</v>
      </c>
      <c r="E52" s="19">
        <v>1293</v>
      </c>
      <c r="F52" s="19"/>
      <c r="G52" s="18" t="s">
        <v>102</v>
      </c>
      <c r="H52" s="17"/>
      <c r="I52" s="13">
        <v>658</v>
      </c>
      <c r="J52" s="19">
        <v>214</v>
      </c>
      <c r="K52" s="19">
        <v>444</v>
      </c>
    </row>
    <row r="53" spans="1:11" ht="20.100000000000001" customHeight="1">
      <c r="A53" s="17" t="s">
        <v>103</v>
      </c>
      <c r="B53" s="17"/>
      <c r="C53" s="13">
        <v>15415</v>
      </c>
      <c r="D53" s="14">
        <v>8293</v>
      </c>
      <c r="E53" s="14">
        <v>7122</v>
      </c>
      <c r="F53" s="14"/>
      <c r="G53" s="18" t="s">
        <v>104</v>
      </c>
      <c r="H53" s="17"/>
      <c r="I53" s="13">
        <v>1912</v>
      </c>
      <c r="J53" s="14">
        <v>575</v>
      </c>
      <c r="K53" s="14">
        <v>1337</v>
      </c>
    </row>
    <row r="54" spans="1:11" ht="15" customHeight="1">
      <c r="A54" s="17" t="s">
        <v>105</v>
      </c>
      <c r="B54" s="17"/>
      <c r="C54" s="13">
        <v>2756</v>
      </c>
      <c r="D54" s="19">
        <v>1485</v>
      </c>
      <c r="E54" s="19">
        <v>1271</v>
      </c>
      <c r="F54" s="19"/>
      <c r="G54" s="18" t="s">
        <v>106</v>
      </c>
      <c r="H54" s="17"/>
      <c r="I54" s="13">
        <v>524</v>
      </c>
      <c r="J54" s="19">
        <v>159</v>
      </c>
      <c r="K54" s="19">
        <v>365</v>
      </c>
    </row>
    <row r="55" spans="1:11" ht="15" customHeight="1">
      <c r="A55" s="17" t="s">
        <v>107</v>
      </c>
      <c r="B55" s="17"/>
      <c r="C55" s="13">
        <v>3056</v>
      </c>
      <c r="D55" s="19">
        <v>1661</v>
      </c>
      <c r="E55" s="19">
        <v>1395</v>
      </c>
      <c r="F55" s="19"/>
      <c r="G55" s="18" t="s">
        <v>108</v>
      </c>
      <c r="H55" s="17"/>
      <c r="I55" s="13">
        <v>464</v>
      </c>
      <c r="J55" s="19">
        <v>156</v>
      </c>
      <c r="K55" s="19">
        <v>308</v>
      </c>
    </row>
    <row r="56" spans="1:11" ht="15" customHeight="1">
      <c r="A56" s="17" t="s">
        <v>109</v>
      </c>
      <c r="B56" s="17"/>
      <c r="C56" s="13">
        <v>3095</v>
      </c>
      <c r="D56" s="19">
        <v>1656</v>
      </c>
      <c r="E56" s="19">
        <v>1439</v>
      </c>
      <c r="F56" s="19"/>
      <c r="G56" s="18" t="s">
        <v>110</v>
      </c>
      <c r="H56" s="17"/>
      <c r="I56" s="13">
        <v>393</v>
      </c>
      <c r="J56" s="19">
        <v>116</v>
      </c>
      <c r="K56" s="19">
        <v>277</v>
      </c>
    </row>
    <row r="57" spans="1:11" ht="15" customHeight="1">
      <c r="A57" s="17" t="s">
        <v>111</v>
      </c>
      <c r="B57" s="17"/>
      <c r="C57" s="13">
        <v>3201</v>
      </c>
      <c r="D57" s="19">
        <v>1688</v>
      </c>
      <c r="E57" s="19">
        <v>1513</v>
      </c>
      <c r="F57" s="19"/>
      <c r="G57" s="18" t="s">
        <v>112</v>
      </c>
      <c r="H57" s="17"/>
      <c r="I57" s="13">
        <v>311</v>
      </c>
      <c r="J57" s="19">
        <v>85</v>
      </c>
      <c r="K57" s="19">
        <v>226</v>
      </c>
    </row>
    <row r="58" spans="1:11" ht="15" customHeight="1">
      <c r="A58" s="17" t="s">
        <v>113</v>
      </c>
      <c r="B58" s="17"/>
      <c r="C58" s="13">
        <v>3307</v>
      </c>
      <c r="D58" s="19">
        <v>1803</v>
      </c>
      <c r="E58" s="19">
        <v>1504</v>
      </c>
      <c r="F58" s="19"/>
      <c r="G58" s="18" t="s">
        <v>114</v>
      </c>
      <c r="H58" s="17"/>
      <c r="I58" s="13">
        <v>220</v>
      </c>
      <c r="J58" s="19">
        <v>59</v>
      </c>
      <c r="K58" s="19">
        <v>161</v>
      </c>
    </row>
    <row r="59" spans="1:11" ht="20.100000000000001" customHeight="1">
      <c r="A59" s="17" t="s">
        <v>115</v>
      </c>
      <c r="B59" s="17"/>
      <c r="C59" s="13">
        <v>19231</v>
      </c>
      <c r="D59" s="14">
        <v>10237</v>
      </c>
      <c r="E59" s="14">
        <v>8994</v>
      </c>
      <c r="F59" s="14"/>
      <c r="G59" s="18" t="s">
        <v>116</v>
      </c>
      <c r="H59" s="17"/>
      <c r="I59" s="13">
        <v>529</v>
      </c>
      <c r="J59" s="14">
        <v>105</v>
      </c>
      <c r="K59" s="14">
        <v>424</v>
      </c>
    </row>
    <row r="60" spans="1:11" ht="15" customHeight="1">
      <c r="A60" s="17" t="s">
        <v>117</v>
      </c>
      <c r="B60" s="17"/>
      <c r="C60" s="13">
        <v>3518</v>
      </c>
      <c r="D60" s="19">
        <v>1804</v>
      </c>
      <c r="E60" s="19">
        <v>1714</v>
      </c>
      <c r="F60" s="19"/>
      <c r="G60" s="18" t="s">
        <v>118</v>
      </c>
      <c r="H60" s="17"/>
      <c r="I60" s="13">
        <v>199</v>
      </c>
      <c r="J60" s="19">
        <v>49</v>
      </c>
      <c r="K60" s="19">
        <v>150</v>
      </c>
    </row>
    <row r="61" spans="1:11" ht="15" customHeight="1">
      <c r="A61" s="17" t="s">
        <v>119</v>
      </c>
      <c r="B61" s="17"/>
      <c r="C61" s="13">
        <v>3742</v>
      </c>
      <c r="D61" s="19">
        <v>2021</v>
      </c>
      <c r="E61" s="19">
        <v>1721</v>
      </c>
      <c r="F61" s="19"/>
      <c r="G61" s="18" t="s">
        <v>120</v>
      </c>
      <c r="H61" s="17"/>
      <c r="I61" s="13">
        <v>128</v>
      </c>
      <c r="J61" s="19">
        <v>26</v>
      </c>
      <c r="K61" s="19">
        <v>102</v>
      </c>
    </row>
    <row r="62" spans="1:11" ht="15" customHeight="1">
      <c r="A62" s="17" t="s">
        <v>121</v>
      </c>
      <c r="B62" s="17"/>
      <c r="C62" s="13">
        <v>4047</v>
      </c>
      <c r="D62" s="19">
        <v>2185</v>
      </c>
      <c r="E62" s="19">
        <v>1862</v>
      </c>
      <c r="F62" s="19"/>
      <c r="G62" s="18" t="s">
        <v>122</v>
      </c>
      <c r="H62" s="17"/>
      <c r="I62" s="13">
        <v>98</v>
      </c>
      <c r="J62" s="19">
        <v>18</v>
      </c>
      <c r="K62" s="19">
        <v>80</v>
      </c>
    </row>
    <row r="63" spans="1:11" ht="15" customHeight="1">
      <c r="A63" s="17" t="s">
        <v>123</v>
      </c>
      <c r="B63" s="17"/>
      <c r="C63" s="13">
        <v>4050</v>
      </c>
      <c r="D63" s="19">
        <v>2151</v>
      </c>
      <c r="E63" s="19">
        <v>1899</v>
      </c>
      <c r="F63" s="19"/>
      <c r="G63" s="18" t="s">
        <v>124</v>
      </c>
      <c r="H63" s="17"/>
      <c r="I63" s="13">
        <v>57</v>
      </c>
      <c r="J63" s="19">
        <v>9</v>
      </c>
      <c r="K63" s="19">
        <v>48</v>
      </c>
    </row>
    <row r="64" spans="1:11" ht="15" customHeight="1">
      <c r="A64" s="17" t="s">
        <v>125</v>
      </c>
      <c r="B64" s="17"/>
      <c r="C64" s="13">
        <v>3874</v>
      </c>
      <c r="D64" s="19">
        <v>2076</v>
      </c>
      <c r="E64" s="19">
        <v>1798</v>
      </c>
      <c r="F64" s="19"/>
      <c r="G64" s="18" t="s">
        <v>126</v>
      </c>
      <c r="H64" s="17"/>
      <c r="I64" s="13">
        <v>47</v>
      </c>
      <c r="J64" s="19">
        <v>3</v>
      </c>
      <c r="K64" s="19">
        <v>4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8</v>
      </c>
      <c r="J65" s="19">
        <v>19</v>
      </c>
      <c r="K65" s="19">
        <v>5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202</v>
      </c>
      <c r="J66" s="29">
        <v>1577</v>
      </c>
      <c r="K66" s="29">
        <v>162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9644</v>
      </c>
      <c r="D4" s="14">
        <v>119764</v>
      </c>
      <c r="E4" s="14">
        <v>11988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206</v>
      </c>
      <c r="D5" s="14">
        <v>4579</v>
      </c>
      <c r="E5" s="14">
        <v>4627</v>
      </c>
      <c r="F5" s="14"/>
      <c r="G5" s="18" t="s">
        <v>8</v>
      </c>
      <c r="H5" s="17"/>
      <c r="I5" s="13">
        <v>18534</v>
      </c>
      <c r="J5" s="14">
        <v>9589</v>
      </c>
      <c r="K5" s="14">
        <v>8945</v>
      </c>
    </row>
    <row r="6" spans="1:11" ht="15" customHeight="1">
      <c r="A6" s="17" t="s">
        <v>9</v>
      </c>
      <c r="B6" s="17"/>
      <c r="C6" s="13">
        <v>1693</v>
      </c>
      <c r="D6" s="19">
        <v>835</v>
      </c>
      <c r="E6" s="19">
        <v>858</v>
      </c>
      <c r="F6" s="19"/>
      <c r="G6" s="18" t="s">
        <v>10</v>
      </c>
      <c r="H6" s="17"/>
      <c r="I6" s="13">
        <v>4078</v>
      </c>
      <c r="J6" s="19">
        <v>2178</v>
      </c>
      <c r="K6" s="19">
        <v>1900</v>
      </c>
    </row>
    <row r="7" spans="1:11" ht="15" customHeight="1">
      <c r="A7" s="17" t="s">
        <v>11</v>
      </c>
      <c r="B7" s="17"/>
      <c r="C7" s="13">
        <v>1914</v>
      </c>
      <c r="D7" s="19">
        <v>956</v>
      </c>
      <c r="E7" s="19">
        <v>958</v>
      </c>
      <c r="F7" s="19"/>
      <c r="G7" s="18" t="s">
        <v>12</v>
      </c>
      <c r="H7" s="17"/>
      <c r="I7" s="13">
        <v>3870</v>
      </c>
      <c r="J7" s="19">
        <v>1994</v>
      </c>
      <c r="K7" s="19">
        <v>1876</v>
      </c>
    </row>
    <row r="8" spans="1:11" ht="15" customHeight="1">
      <c r="A8" s="17" t="s">
        <v>13</v>
      </c>
      <c r="B8" s="17"/>
      <c r="C8" s="13">
        <v>1819</v>
      </c>
      <c r="D8" s="19">
        <v>909</v>
      </c>
      <c r="E8" s="19">
        <v>910</v>
      </c>
      <c r="F8" s="19"/>
      <c r="G8" s="18" t="s">
        <v>14</v>
      </c>
      <c r="H8" s="17"/>
      <c r="I8" s="13">
        <v>3806</v>
      </c>
      <c r="J8" s="19">
        <v>1949</v>
      </c>
      <c r="K8" s="19">
        <v>1857</v>
      </c>
    </row>
    <row r="9" spans="1:11" ht="15" customHeight="1">
      <c r="A9" s="17" t="s">
        <v>15</v>
      </c>
      <c r="B9" s="17"/>
      <c r="C9" s="13">
        <v>1862</v>
      </c>
      <c r="D9" s="19">
        <v>913</v>
      </c>
      <c r="E9" s="19">
        <v>949</v>
      </c>
      <c r="F9" s="19"/>
      <c r="G9" s="18" t="s">
        <v>16</v>
      </c>
      <c r="H9" s="17"/>
      <c r="I9" s="13">
        <v>3906</v>
      </c>
      <c r="J9" s="19">
        <v>2010</v>
      </c>
      <c r="K9" s="19">
        <v>1896</v>
      </c>
    </row>
    <row r="10" spans="1:11" ht="15" customHeight="1">
      <c r="A10" s="17" t="s">
        <v>17</v>
      </c>
      <c r="B10" s="17"/>
      <c r="C10" s="13">
        <v>1918</v>
      </c>
      <c r="D10" s="19">
        <v>966</v>
      </c>
      <c r="E10" s="19">
        <v>952</v>
      </c>
      <c r="F10" s="19"/>
      <c r="G10" s="18" t="s">
        <v>18</v>
      </c>
      <c r="H10" s="17"/>
      <c r="I10" s="13">
        <v>2874</v>
      </c>
      <c r="J10" s="19">
        <v>1458</v>
      </c>
      <c r="K10" s="19">
        <v>1416</v>
      </c>
    </row>
    <row r="11" spans="1:11" ht="20.100000000000001" customHeight="1">
      <c r="A11" s="17" t="s">
        <v>19</v>
      </c>
      <c r="B11" s="17"/>
      <c r="C11" s="13">
        <v>9828</v>
      </c>
      <c r="D11" s="14">
        <v>5017</v>
      </c>
      <c r="E11" s="14">
        <v>4811</v>
      </c>
      <c r="F11" s="14"/>
      <c r="G11" s="18" t="s">
        <v>20</v>
      </c>
      <c r="H11" s="17"/>
      <c r="I11" s="13">
        <v>15287</v>
      </c>
      <c r="J11" s="14">
        <v>7968</v>
      </c>
      <c r="K11" s="14">
        <v>7319</v>
      </c>
    </row>
    <row r="12" spans="1:11" ht="15" customHeight="1">
      <c r="A12" s="17" t="s">
        <v>21</v>
      </c>
      <c r="B12" s="17"/>
      <c r="C12" s="13">
        <v>1977</v>
      </c>
      <c r="D12" s="19">
        <v>1001</v>
      </c>
      <c r="E12" s="19">
        <v>976</v>
      </c>
      <c r="F12" s="19"/>
      <c r="G12" s="18" t="s">
        <v>22</v>
      </c>
      <c r="H12" s="17"/>
      <c r="I12" s="13">
        <v>3631</v>
      </c>
      <c r="J12" s="19">
        <v>1867</v>
      </c>
      <c r="K12" s="19">
        <v>1764</v>
      </c>
    </row>
    <row r="13" spans="1:11" ht="15" customHeight="1">
      <c r="A13" s="17" t="s">
        <v>23</v>
      </c>
      <c r="B13" s="17"/>
      <c r="C13" s="13">
        <v>1936</v>
      </c>
      <c r="D13" s="19">
        <v>1008</v>
      </c>
      <c r="E13" s="19">
        <v>928</v>
      </c>
      <c r="F13" s="19"/>
      <c r="G13" s="18" t="s">
        <v>24</v>
      </c>
      <c r="H13" s="17"/>
      <c r="I13" s="13">
        <v>3184</v>
      </c>
      <c r="J13" s="19">
        <v>1637</v>
      </c>
      <c r="K13" s="19">
        <v>1547</v>
      </c>
    </row>
    <row r="14" spans="1:11" ht="15" customHeight="1">
      <c r="A14" s="17" t="s">
        <v>25</v>
      </c>
      <c r="B14" s="17"/>
      <c r="C14" s="13">
        <v>1974</v>
      </c>
      <c r="D14" s="19">
        <v>1005</v>
      </c>
      <c r="E14" s="19">
        <v>969</v>
      </c>
      <c r="F14" s="19"/>
      <c r="G14" s="18" t="s">
        <v>26</v>
      </c>
      <c r="H14" s="17"/>
      <c r="I14" s="13">
        <v>2963</v>
      </c>
      <c r="J14" s="19">
        <v>1611</v>
      </c>
      <c r="K14" s="19">
        <v>1352</v>
      </c>
    </row>
    <row r="15" spans="1:11" ht="15" customHeight="1">
      <c r="A15" s="17" t="s">
        <v>27</v>
      </c>
      <c r="B15" s="17"/>
      <c r="C15" s="13">
        <v>1991</v>
      </c>
      <c r="D15" s="19">
        <v>1013</v>
      </c>
      <c r="E15" s="19">
        <v>978</v>
      </c>
      <c r="F15" s="19"/>
      <c r="G15" s="18" t="s">
        <v>28</v>
      </c>
      <c r="H15" s="17"/>
      <c r="I15" s="13">
        <v>2876</v>
      </c>
      <c r="J15" s="19">
        <v>1479</v>
      </c>
      <c r="K15" s="19">
        <v>1397</v>
      </c>
    </row>
    <row r="16" spans="1:11" ht="15" customHeight="1">
      <c r="A16" s="17" t="s">
        <v>29</v>
      </c>
      <c r="B16" s="17"/>
      <c r="C16" s="13">
        <v>1950</v>
      </c>
      <c r="D16" s="19">
        <v>990</v>
      </c>
      <c r="E16" s="19">
        <v>960</v>
      </c>
      <c r="F16" s="19"/>
      <c r="G16" s="18" t="s">
        <v>30</v>
      </c>
      <c r="H16" s="17"/>
      <c r="I16" s="13">
        <v>2633</v>
      </c>
      <c r="J16" s="19">
        <v>1374</v>
      </c>
      <c r="K16" s="19">
        <v>1259</v>
      </c>
    </row>
    <row r="17" spans="1:11" ht="20.100000000000001" customHeight="1">
      <c r="A17" s="20" t="s">
        <v>31</v>
      </c>
      <c r="B17" s="20"/>
      <c r="C17" s="13">
        <v>9935</v>
      </c>
      <c r="D17" s="14">
        <v>5064</v>
      </c>
      <c r="E17" s="14">
        <v>4871</v>
      </c>
      <c r="F17" s="14"/>
      <c r="G17" s="18" t="s">
        <v>32</v>
      </c>
      <c r="H17" s="17"/>
      <c r="I17" s="13">
        <v>12176</v>
      </c>
      <c r="J17" s="14">
        <v>6309</v>
      </c>
      <c r="K17" s="14">
        <v>5867</v>
      </c>
    </row>
    <row r="18" spans="1:11" ht="15" customHeight="1">
      <c r="A18" s="17" t="s">
        <v>33</v>
      </c>
      <c r="B18" s="17"/>
      <c r="C18" s="13">
        <v>1977</v>
      </c>
      <c r="D18" s="19">
        <v>981</v>
      </c>
      <c r="E18" s="19">
        <v>996</v>
      </c>
      <c r="F18" s="19"/>
      <c r="G18" s="18" t="s">
        <v>34</v>
      </c>
      <c r="H18" s="17"/>
      <c r="I18" s="13">
        <v>2622</v>
      </c>
      <c r="J18" s="19">
        <v>1336</v>
      </c>
      <c r="K18" s="19">
        <v>1286</v>
      </c>
    </row>
    <row r="19" spans="1:11" ht="15" customHeight="1">
      <c r="A19" s="17" t="s">
        <v>35</v>
      </c>
      <c r="B19" s="17"/>
      <c r="C19" s="13">
        <v>1990</v>
      </c>
      <c r="D19" s="19">
        <v>1029</v>
      </c>
      <c r="E19" s="19">
        <v>961</v>
      </c>
      <c r="F19" s="19"/>
      <c r="G19" s="18" t="s">
        <v>36</v>
      </c>
      <c r="H19" s="17"/>
      <c r="I19" s="13">
        <v>2524</v>
      </c>
      <c r="J19" s="19">
        <v>1324</v>
      </c>
      <c r="K19" s="19">
        <v>1200</v>
      </c>
    </row>
    <row r="20" spans="1:11" ht="15" customHeight="1">
      <c r="A20" s="17" t="s">
        <v>37</v>
      </c>
      <c r="B20" s="17"/>
      <c r="C20" s="13">
        <v>2089</v>
      </c>
      <c r="D20" s="19">
        <v>1075</v>
      </c>
      <c r="E20" s="19">
        <v>1014</v>
      </c>
      <c r="F20" s="19"/>
      <c r="G20" s="18" t="s">
        <v>38</v>
      </c>
      <c r="H20" s="17"/>
      <c r="I20" s="13">
        <v>2473</v>
      </c>
      <c r="J20" s="19">
        <v>1278</v>
      </c>
      <c r="K20" s="19">
        <v>1195</v>
      </c>
    </row>
    <row r="21" spans="1:11" ht="15" customHeight="1">
      <c r="A21" s="17" t="s">
        <v>39</v>
      </c>
      <c r="B21" s="17"/>
      <c r="C21" s="13">
        <v>1946</v>
      </c>
      <c r="D21" s="19">
        <v>1000</v>
      </c>
      <c r="E21" s="19">
        <v>946</v>
      </c>
      <c r="F21" s="19"/>
      <c r="G21" s="18" t="s">
        <v>40</v>
      </c>
      <c r="H21" s="17"/>
      <c r="I21" s="13">
        <v>2294</v>
      </c>
      <c r="J21" s="19">
        <v>1181</v>
      </c>
      <c r="K21" s="19">
        <v>1113</v>
      </c>
    </row>
    <row r="22" spans="1:11" ht="15" customHeight="1">
      <c r="A22" s="17" t="s">
        <v>41</v>
      </c>
      <c r="B22" s="17"/>
      <c r="C22" s="13">
        <v>1933</v>
      </c>
      <c r="D22" s="19">
        <v>979</v>
      </c>
      <c r="E22" s="19">
        <v>954</v>
      </c>
      <c r="F22" s="19"/>
      <c r="G22" s="18" t="s">
        <v>42</v>
      </c>
      <c r="H22" s="17"/>
      <c r="I22" s="13">
        <v>2263</v>
      </c>
      <c r="J22" s="19">
        <v>1190</v>
      </c>
      <c r="K22" s="19">
        <v>1073</v>
      </c>
    </row>
    <row r="23" spans="1:11" ht="20.100000000000001" customHeight="1">
      <c r="A23" s="17" t="s">
        <v>43</v>
      </c>
      <c r="B23" s="17"/>
      <c r="C23" s="13">
        <v>9888</v>
      </c>
      <c r="D23" s="14">
        <v>5048</v>
      </c>
      <c r="E23" s="14">
        <v>4840</v>
      </c>
      <c r="F23" s="14"/>
      <c r="G23" s="18" t="s">
        <v>44</v>
      </c>
      <c r="H23" s="17"/>
      <c r="I23" s="13">
        <v>12165</v>
      </c>
      <c r="J23" s="14">
        <v>6039</v>
      </c>
      <c r="K23" s="14">
        <v>6126</v>
      </c>
    </row>
    <row r="24" spans="1:11" ht="15" customHeight="1">
      <c r="A24" s="17" t="s">
        <v>45</v>
      </c>
      <c r="B24" s="17"/>
      <c r="C24" s="13">
        <v>1860</v>
      </c>
      <c r="D24" s="19">
        <v>973</v>
      </c>
      <c r="E24" s="19">
        <v>887</v>
      </c>
      <c r="F24" s="19"/>
      <c r="G24" s="18" t="s">
        <v>46</v>
      </c>
      <c r="H24" s="17"/>
      <c r="I24" s="13">
        <v>2308</v>
      </c>
      <c r="J24" s="19">
        <v>1154</v>
      </c>
      <c r="K24" s="19">
        <v>1154</v>
      </c>
    </row>
    <row r="25" spans="1:11" ht="15" customHeight="1">
      <c r="A25" s="17" t="s">
        <v>47</v>
      </c>
      <c r="B25" s="17"/>
      <c r="C25" s="13">
        <v>1942</v>
      </c>
      <c r="D25" s="19">
        <v>1023</v>
      </c>
      <c r="E25" s="19">
        <v>919</v>
      </c>
      <c r="F25" s="19"/>
      <c r="G25" s="18" t="s">
        <v>48</v>
      </c>
      <c r="H25" s="17"/>
      <c r="I25" s="13">
        <v>2323</v>
      </c>
      <c r="J25" s="19">
        <v>1180</v>
      </c>
      <c r="K25" s="19">
        <v>1143</v>
      </c>
    </row>
    <row r="26" spans="1:11" ht="15" customHeight="1">
      <c r="A26" s="17" t="s">
        <v>49</v>
      </c>
      <c r="B26" s="17"/>
      <c r="C26" s="13">
        <v>1955</v>
      </c>
      <c r="D26" s="19">
        <v>1019</v>
      </c>
      <c r="E26" s="19">
        <v>936</v>
      </c>
      <c r="F26" s="19"/>
      <c r="G26" s="18" t="s">
        <v>50</v>
      </c>
      <c r="H26" s="17"/>
      <c r="I26" s="13">
        <v>2330</v>
      </c>
      <c r="J26" s="19">
        <v>1159</v>
      </c>
      <c r="K26" s="19">
        <v>1171</v>
      </c>
    </row>
    <row r="27" spans="1:11" ht="15" customHeight="1">
      <c r="A27" s="17" t="s">
        <v>51</v>
      </c>
      <c r="B27" s="17"/>
      <c r="C27" s="13">
        <v>2095</v>
      </c>
      <c r="D27" s="19">
        <v>1036</v>
      </c>
      <c r="E27" s="19">
        <v>1059</v>
      </c>
      <c r="F27" s="19"/>
      <c r="G27" s="18" t="s">
        <v>52</v>
      </c>
      <c r="H27" s="17"/>
      <c r="I27" s="13">
        <v>2545</v>
      </c>
      <c r="J27" s="19">
        <v>1245</v>
      </c>
      <c r="K27" s="19">
        <v>1300</v>
      </c>
    </row>
    <row r="28" spans="1:11" ht="15" customHeight="1">
      <c r="A28" s="17" t="s">
        <v>53</v>
      </c>
      <c r="B28" s="17"/>
      <c r="C28" s="13">
        <v>2036</v>
      </c>
      <c r="D28" s="19">
        <v>997</v>
      </c>
      <c r="E28" s="19">
        <v>1039</v>
      </c>
      <c r="F28" s="19"/>
      <c r="G28" s="18" t="s">
        <v>54</v>
      </c>
      <c r="H28" s="17"/>
      <c r="I28" s="13">
        <v>2659</v>
      </c>
      <c r="J28" s="19">
        <v>1301</v>
      </c>
      <c r="K28" s="19">
        <v>1358</v>
      </c>
    </row>
    <row r="29" spans="1:11" ht="20.100000000000001" customHeight="1">
      <c r="A29" s="17" t="s">
        <v>55</v>
      </c>
      <c r="B29" s="17"/>
      <c r="C29" s="13">
        <v>12334</v>
      </c>
      <c r="D29" s="14">
        <v>6242</v>
      </c>
      <c r="E29" s="14">
        <v>6092</v>
      </c>
      <c r="F29" s="14"/>
      <c r="G29" s="18" t="s">
        <v>56</v>
      </c>
      <c r="H29" s="17"/>
      <c r="I29" s="13">
        <v>15177</v>
      </c>
      <c r="J29" s="14">
        <v>6981</v>
      </c>
      <c r="K29" s="14">
        <v>8196</v>
      </c>
    </row>
    <row r="30" spans="1:11" ht="15" customHeight="1">
      <c r="A30" s="17" t="s">
        <v>57</v>
      </c>
      <c r="B30" s="17"/>
      <c r="C30" s="13">
        <v>2286</v>
      </c>
      <c r="D30" s="19">
        <v>1175</v>
      </c>
      <c r="E30" s="19">
        <v>1111</v>
      </c>
      <c r="F30" s="19"/>
      <c r="G30" s="18" t="s">
        <v>58</v>
      </c>
      <c r="H30" s="17"/>
      <c r="I30" s="13">
        <v>2971</v>
      </c>
      <c r="J30" s="19">
        <v>1397</v>
      </c>
      <c r="K30" s="19">
        <v>1574</v>
      </c>
    </row>
    <row r="31" spans="1:11" ht="15" customHeight="1">
      <c r="A31" s="17" t="s">
        <v>59</v>
      </c>
      <c r="B31" s="17"/>
      <c r="C31" s="13">
        <v>2332</v>
      </c>
      <c r="D31" s="19">
        <v>1128</v>
      </c>
      <c r="E31" s="19">
        <v>1204</v>
      </c>
      <c r="F31" s="19"/>
      <c r="G31" s="18" t="s">
        <v>60</v>
      </c>
      <c r="H31" s="17"/>
      <c r="I31" s="13">
        <v>3351</v>
      </c>
      <c r="J31" s="19">
        <v>1526</v>
      </c>
      <c r="K31" s="19">
        <v>1825</v>
      </c>
    </row>
    <row r="32" spans="1:11" ht="15" customHeight="1">
      <c r="A32" s="17" t="s">
        <v>61</v>
      </c>
      <c r="B32" s="17"/>
      <c r="C32" s="13">
        <v>2517</v>
      </c>
      <c r="D32" s="19">
        <v>1269</v>
      </c>
      <c r="E32" s="19">
        <v>1248</v>
      </c>
      <c r="F32" s="19"/>
      <c r="G32" s="18" t="s">
        <v>62</v>
      </c>
      <c r="H32" s="17"/>
      <c r="I32" s="13">
        <v>3270</v>
      </c>
      <c r="J32" s="19">
        <v>1528</v>
      </c>
      <c r="K32" s="19">
        <v>1742</v>
      </c>
    </row>
    <row r="33" spans="1:11" ht="15" customHeight="1">
      <c r="A33" s="17" t="s">
        <v>63</v>
      </c>
      <c r="B33" s="17"/>
      <c r="C33" s="13">
        <v>2580</v>
      </c>
      <c r="D33" s="19">
        <v>1320</v>
      </c>
      <c r="E33" s="19">
        <v>1260</v>
      </c>
      <c r="F33" s="19"/>
      <c r="G33" s="18" t="s">
        <v>64</v>
      </c>
      <c r="H33" s="17"/>
      <c r="I33" s="13">
        <v>3330</v>
      </c>
      <c r="J33" s="19">
        <v>1500</v>
      </c>
      <c r="K33" s="19">
        <v>1830</v>
      </c>
    </row>
    <row r="34" spans="1:11" ht="15" customHeight="1">
      <c r="A34" s="17" t="s">
        <v>65</v>
      </c>
      <c r="B34" s="17"/>
      <c r="C34" s="13">
        <v>2619</v>
      </c>
      <c r="D34" s="19">
        <v>1350</v>
      </c>
      <c r="E34" s="19">
        <v>1269</v>
      </c>
      <c r="F34" s="19"/>
      <c r="G34" s="18" t="s">
        <v>66</v>
      </c>
      <c r="H34" s="17"/>
      <c r="I34" s="13">
        <v>2255</v>
      </c>
      <c r="J34" s="19">
        <v>1030</v>
      </c>
      <c r="K34" s="19">
        <v>1225</v>
      </c>
    </row>
    <row r="35" spans="1:11" ht="20.100000000000001" customHeight="1">
      <c r="A35" s="17" t="s">
        <v>67</v>
      </c>
      <c r="B35" s="17"/>
      <c r="C35" s="13">
        <v>13306</v>
      </c>
      <c r="D35" s="14">
        <v>6804</v>
      </c>
      <c r="E35" s="14">
        <v>6502</v>
      </c>
      <c r="F35" s="14"/>
      <c r="G35" s="18" t="s">
        <v>68</v>
      </c>
      <c r="H35" s="17"/>
      <c r="I35" s="13">
        <v>12499</v>
      </c>
      <c r="J35" s="14">
        <v>5513</v>
      </c>
      <c r="K35" s="14">
        <v>6986</v>
      </c>
    </row>
    <row r="36" spans="1:11" ht="15" customHeight="1">
      <c r="A36" s="17" t="s">
        <v>69</v>
      </c>
      <c r="B36" s="17"/>
      <c r="C36" s="13">
        <v>2686</v>
      </c>
      <c r="D36" s="19">
        <v>1332</v>
      </c>
      <c r="E36" s="19">
        <v>1354</v>
      </c>
      <c r="F36" s="19"/>
      <c r="G36" s="18" t="s">
        <v>70</v>
      </c>
      <c r="H36" s="17"/>
      <c r="I36" s="13">
        <v>2031</v>
      </c>
      <c r="J36" s="19">
        <v>895</v>
      </c>
      <c r="K36" s="19">
        <v>1136</v>
      </c>
    </row>
    <row r="37" spans="1:11" ht="15" customHeight="1">
      <c r="A37" s="17" t="s">
        <v>71</v>
      </c>
      <c r="B37" s="17"/>
      <c r="C37" s="13">
        <v>2755</v>
      </c>
      <c r="D37" s="19">
        <v>1384</v>
      </c>
      <c r="E37" s="19">
        <v>1371</v>
      </c>
      <c r="F37" s="19"/>
      <c r="G37" s="18" t="s">
        <v>72</v>
      </c>
      <c r="H37" s="17"/>
      <c r="I37" s="13">
        <v>2547</v>
      </c>
      <c r="J37" s="19">
        <v>1118</v>
      </c>
      <c r="K37" s="19">
        <v>1429</v>
      </c>
    </row>
    <row r="38" spans="1:11" ht="15" customHeight="1">
      <c r="A38" s="17" t="s">
        <v>73</v>
      </c>
      <c r="B38" s="17"/>
      <c r="C38" s="13">
        <v>2678</v>
      </c>
      <c r="D38" s="19">
        <v>1358</v>
      </c>
      <c r="E38" s="19">
        <v>1320</v>
      </c>
      <c r="F38" s="19"/>
      <c r="G38" s="18" t="s">
        <v>74</v>
      </c>
      <c r="H38" s="17"/>
      <c r="I38" s="13">
        <v>2833</v>
      </c>
      <c r="J38" s="19">
        <v>1282</v>
      </c>
      <c r="K38" s="19">
        <v>1551</v>
      </c>
    </row>
    <row r="39" spans="1:11" ht="15" customHeight="1">
      <c r="A39" s="17" t="s">
        <v>75</v>
      </c>
      <c r="B39" s="17"/>
      <c r="C39" s="13">
        <v>2569</v>
      </c>
      <c r="D39" s="19">
        <v>1354</v>
      </c>
      <c r="E39" s="19">
        <v>1215</v>
      </c>
      <c r="F39" s="19"/>
      <c r="G39" s="18" t="s">
        <v>76</v>
      </c>
      <c r="H39" s="17"/>
      <c r="I39" s="13">
        <v>2579</v>
      </c>
      <c r="J39" s="19">
        <v>1126</v>
      </c>
      <c r="K39" s="19">
        <v>1453</v>
      </c>
    </row>
    <row r="40" spans="1:11" ht="15" customHeight="1">
      <c r="A40" s="17" t="s">
        <v>77</v>
      </c>
      <c r="B40" s="17"/>
      <c r="C40" s="13">
        <v>2618</v>
      </c>
      <c r="D40" s="19">
        <v>1376</v>
      </c>
      <c r="E40" s="19">
        <v>1242</v>
      </c>
      <c r="F40" s="19"/>
      <c r="G40" s="18" t="s">
        <v>78</v>
      </c>
      <c r="H40" s="17"/>
      <c r="I40" s="13">
        <v>2509</v>
      </c>
      <c r="J40" s="19">
        <v>1092</v>
      </c>
      <c r="K40" s="19">
        <v>1417</v>
      </c>
    </row>
    <row r="41" spans="1:11" ht="20.100000000000001" customHeight="1">
      <c r="A41" s="17" t="s">
        <v>79</v>
      </c>
      <c r="B41" s="17"/>
      <c r="C41" s="13">
        <v>13642</v>
      </c>
      <c r="D41" s="14">
        <v>6985</v>
      </c>
      <c r="E41" s="14">
        <v>6657</v>
      </c>
      <c r="F41" s="14"/>
      <c r="G41" s="18" t="s">
        <v>80</v>
      </c>
      <c r="H41" s="17"/>
      <c r="I41" s="13">
        <v>8955</v>
      </c>
      <c r="J41" s="14">
        <v>4031</v>
      </c>
      <c r="K41" s="14">
        <v>4924</v>
      </c>
    </row>
    <row r="42" spans="1:11" ht="15" customHeight="1">
      <c r="A42" s="17" t="s">
        <v>81</v>
      </c>
      <c r="B42" s="17"/>
      <c r="C42" s="13">
        <v>2645</v>
      </c>
      <c r="D42" s="19">
        <v>1345</v>
      </c>
      <c r="E42" s="19">
        <v>1300</v>
      </c>
      <c r="F42" s="19"/>
      <c r="G42" s="18" t="s">
        <v>82</v>
      </c>
      <c r="H42" s="17"/>
      <c r="I42" s="13">
        <v>2291</v>
      </c>
      <c r="J42" s="19">
        <v>1046</v>
      </c>
      <c r="K42" s="19">
        <v>1245</v>
      </c>
    </row>
    <row r="43" spans="1:11" ht="15" customHeight="1">
      <c r="A43" s="17" t="s">
        <v>83</v>
      </c>
      <c r="B43" s="17"/>
      <c r="C43" s="13">
        <v>2624</v>
      </c>
      <c r="D43" s="19">
        <v>1328</v>
      </c>
      <c r="E43" s="19">
        <v>1296</v>
      </c>
      <c r="F43" s="19"/>
      <c r="G43" s="18" t="s">
        <v>84</v>
      </c>
      <c r="H43" s="17"/>
      <c r="I43" s="13">
        <v>1807</v>
      </c>
      <c r="J43" s="19">
        <v>814</v>
      </c>
      <c r="K43" s="19">
        <v>993</v>
      </c>
    </row>
    <row r="44" spans="1:11" ht="15" customHeight="1">
      <c r="A44" s="17" t="s">
        <v>85</v>
      </c>
      <c r="B44" s="17"/>
      <c r="C44" s="13">
        <v>2836</v>
      </c>
      <c r="D44" s="19">
        <v>1474</v>
      </c>
      <c r="E44" s="19">
        <v>1362</v>
      </c>
      <c r="F44" s="19"/>
      <c r="G44" s="18" t="s">
        <v>86</v>
      </c>
      <c r="H44" s="17"/>
      <c r="I44" s="13">
        <v>1681</v>
      </c>
      <c r="J44" s="19">
        <v>769</v>
      </c>
      <c r="K44" s="19">
        <v>912</v>
      </c>
    </row>
    <row r="45" spans="1:11" ht="15" customHeight="1">
      <c r="A45" s="17" t="s">
        <v>87</v>
      </c>
      <c r="B45" s="17"/>
      <c r="C45" s="13">
        <v>2780</v>
      </c>
      <c r="D45" s="19">
        <v>1479</v>
      </c>
      <c r="E45" s="19">
        <v>1301</v>
      </c>
      <c r="F45" s="19"/>
      <c r="G45" s="18" t="s">
        <v>88</v>
      </c>
      <c r="H45" s="17"/>
      <c r="I45" s="13">
        <v>1675</v>
      </c>
      <c r="J45" s="19">
        <v>743</v>
      </c>
      <c r="K45" s="19">
        <v>932</v>
      </c>
    </row>
    <row r="46" spans="1:11" ht="15" customHeight="1">
      <c r="A46" s="17" t="s">
        <v>89</v>
      </c>
      <c r="B46" s="17"/>
      <c r="C46" s="13">
        <v>2757</v>
      </c>
      <c r="D46" s="19">
        <v>1359</v>
      </c>
      <c r="E46" s="19">
        <v>1398</v>
      </c>
      <c r="F46" s="19"/>
      <c r="G46" s="18" t="s">
        <v>90</v>
      </c>
      <c r="H46" s="17"/>
      <c r="I46" s="13">
        <v>1501</v>
      </c>
      <c r="J46" s="19">
        <v>659</v>
      </c>
      <c r="K46" s="19">
        <v>842</v>
      </c>
    </row>
    <row r="47" spans="1:11" ht="20.100000000000001" customHeight="1">
      <c r="A47" s="17" t="s">
        <v>91</v>
      </c>
      <c r="B47" s="17"/>
      <c r="C47" s="13">
        <v>14852</v>
      </c>
      <c r="D47" s="14">
        <v>7696</v>
      </c>
      <c r="E47" s="14">
        <v>7156</v>
      </c>
      <c r="F47" s="14"/>
      <c r="G47" s="18" t="s">
        <v>92</v>
      </c>
      <c r="H47" s="17"/>
      <c r="I47" s="13">
        <v>5171</v>
      </c>
      <c r="J47" s="14">
        <v>1885</v>
      </c>
      <c r="K47" s="14">
        <v>3286</v>
      </c>
    </row>
    <row r="48" spans="1:11" ht="15" customHeight="1">
      <c r="A48" s="17" t="s">
        <v>93</v>
      </c>
      <c r="B48" s="17"/>
      <c r="C48" s="13">
        <v>2863</v>
      </c>
      <c r="D48" s="19">
        <v>1525</v>
      </c>
      <c r="E48" s="19">
        <v>1338</v>
      </c>
      <c r="F48" s="19"/>
      <c r="G48" s="18" t="s">
        <v>94</v>
      </c>
      <c r="H48" s="17"/>
      <c r="I48" s="13">
        <v>1383</v>
      </c>
      <c r="J48" s="19">
        <v>568</v>
      </c>
      <c r="K48" s="19">
        <v>815</v>
      </c>
    </row>
    <row r="49" spans="1:11" ht="15" customHeight="1">
      <c r="A49" s="17" t="s">
        <v>95</v>
      </c>
      <c r="B49" s="17"/>
      <c r="C49" s="13">
        <v>2940</v>
      </c>
      <c r="D49" s="19">
        <v>1497</v>
      </c>
      <c r="E49" s="19">
        <v>1443</v>
      </c>
      <c r="F49" s="19"/>
      <c r="G49" s="18" t="s">
        <v>96</v>
      </c>
      <c r="H49" s="17"/>
      <c r="I49" s="13">
        <v>1149</v>
      </c>
      <c r="J49" s="19">
        <v>401</v>
      </c>
      <c r="K49" s="19">
        <v>748</v>
      </c>
    </row>
    <row r="50" spans="1:11" ht="15" customHeight="1">
      <c r="A50" s="17" t="s">
        <v>97</v>
      </c>
      <c r="B50" s="17"/>
      <c r="C50" s="13">
        <v>3028</v>
      </c>
      <c r="D50" s="19">
        <v>1556</v>
      </c>
      <c r="E50" s="19">
        <v>1472</v>
      </c>
      <c r="F50" s="19"/>
      <c r="G50" s="18" t="s">
        <v>98</v>
      </c>
      <c r="H50" s="17"/>
      <c r="I50" s="13">
        <v>1018</v>
      </c>
      <c r="J50" s="19">
        <v>377</v>
      </c>
      <c r="K50" s="19">
        <v>641</v>
      </c>
    </row>
    <row r="51" spans="1:11" ht="15" customHeight="1">
      <c r="A51" s="17" t="s">
        <v>99</v>
      </c>
      <c r="B51" s="17"/>
      <c r="C51" s="13">
        <v>2976</v>
      </c>
      <c r="D51" s="19">
        <v>1551</v>
      </c>
      <c r="E51" s="19">
        <v>1425</v>
      </c>
      <c r="F51" s="19"/>
      <c r="G51" s="18" t="s">
        <v>100</v>
      </c>
      <c r="H51" s="17"/>
      <c r="I51" s="13">
        <v>890</v>
      </c>
      <c r="J51" s="19">
        <v>301</v>
      </c>
      <c r="K51" s="19">
        <v>589</v>
      </c>
    </row>
    <row r="52" spans="1:11" ht="15" customHeight="1">
      <c r="A52" s="17" t="s">
        <v>101</v>
      </c>
      <c r="B52" s="17"/>
      <c r="C52" s="13">
        <v>3045</v>
      </c>
      <c r="D52" s="19">
        <v>1567</v>
      </c>
      <c r="E52" s="19">
        <v>1478</v>
      </c>
      <c r="F52" s="19"/>
      <c r="G52" s="18" t="s">
        <v>102</v>
      </c>
      <c r="H52" s="17"/>
      <c r="I52" s="13">
        <v>731</v>
      </c>
      <c r="J52" s="19">
        <v>238</v>
      </c>
      <c r="K52" s="19">
        <v>493</v>
      </c>
    </row>
    <row r="53" spans="1:11" ht="20.100000000000001" customHeight="1">
      <c r="A53" s="17" t="s">
        <v>103</v>
      </c>
      <c r="B53" s="17"/>
      <c r="C53" s="13">
        <v>16780</v>
      </c>
      <c r="D53" s="14">
        <v>8689</v>
      </c>
      <c r="E53" s="14">
        <v>8091</v>
      </c>
      <c r="F53" s="14"/>
      <c r="G53" s="18" t="s">
        <v>104</v>
      </c>
      <c r="H53" s="17"/>
      <c r="I53" s="13">
        <v>2177</v>
      </c>
      <c r="J53" s="14">
        <v>676</v>
      </c>
      <c r="K53" s="14">
        <v>1501</v>
      </c>
    </row>
    <row r="54" spans="1:11" ht="15" customHeight="1">
      <c r="A54" s="17" t="s">
        <v>105</v>
      </c>
      <c r="B54" s="17"/>
      <c r="C54" s="13">
        <v>3143</v>
      </c>
      <c r="D54" s="19">
        <v>1618</v>
      </c>
      <c r="E54" s="19">
        <v>1525</v>
      </c>
      <c r="F54" s="19"/>
      <c r="G54" s="18" t="s">
        <v>106</v>
      </c>
      <c r="H54" s="17"/>
      <c r="I54" s="13">
        <v>614</v>
      </c>
      <c r="J54" s="19">
        <v>211</v>
      </c>
      <c r="K54" s="19">
        <v>403</v>
      </c>
    </row>
    <row r="55" spans="1:11" ht="15" customHeight="1">
      <c r="A55" s="17" t="s">
        <v>107</v>
      </c>
      <c r="B55" s="17"/>
      <c r="C55" s="13">
        <v>3235</v>
      </c>
      <c r="D55" s="19">
        <v>1675</v>
      </c>
      <c r="E55" s="19">
        <v>1560</v>
      </c>
      <c r="F55" s="19"/>
      <c r="G55" s="18" t="s">
        <v>108</v>
      </c>
      <c r="H55" s="17"/>
      <c r="I55" s="13">
        <v>518</v>
      </c>
      <c r="J55" s="19">
        <v>167</v>
      </c>
      <c r="K55" s="19">
        <v>351</v>
      </c>
    </row>
    <row r="56" spans="1:11" ht="15" customHeight="1">
      <c r="A56" s="17" t="s">
        <v>109</v>
      </c>
      <c r="B56" s="17"/>
      <c r="C56" s="13">
        <v>3384</v>
      </c>
      <c r="D56" s="19">
        <v>1763</v>
      </c>
      <c r="E56" s="19">
        <v>1621</v>
      </c>
      <c r="F56" s="19"/>
      <c r="G56" s="18" t="s">
        <v>110</v>
      </c>
      <c r="H56" s="17"/>
      <c r="I56" s="13">
        <v>470</v>
      </c>
      <c r="J56" s="19">
        <v>124</v>
      </c>
      <c r="K56" s="19">
        <v>346</v>
      </c>
    </row>
    <row r="57" spans="1:11" ht="15" customHeight="1">
      <c r="A57" s="17" t="s">
        <v>111</v>
      </c>
      <c r="B57" s="17"/>
      <c r="C57" s="13">
        <v>3456</v>
      </c>
      <c r="D57" s="19">
        <v>1771</v>
      </c>
      <c r="E57" s="19">
        <v>1685</v>
      </c>
      <c r="F57" s="19"/>
      <c r="G57" s="18" t="s">
        <v>112</v>
      </c>
      <c r="H57" s="17"/>
      <c r="I57" s="13">
        <v>317</v>
      </c>
      <c r="J57" s="19">
        <v>103</v>
      </c>
      <c r="K57" s="19">
        <v>214</v>
      </c>
    </row>
    <row r="58" spans="1:11" ht="15" customHeight="1">
      <c r="A58" s="17" t="s">
        <v>113</v>
      </c>
      <c r="B58" s="17"/>
      <c r="C58" s="13">
        <v>3562</v>
      </c>
      <c r="D58" s="19">
        <v>1862</v>
      </c>
      <c r="E58" s="19">
        <v>1700</v>
      </c>
      <c r="F58" s="19"/>
      <c r="G58" s="18" t="s">
        <v>114</v>
      </c>
      <c r="H58" s="17"/>
      <c r="I58" s="13">
        <v>258</v>
      </c>
      <c r="J58" s="19">
        <v>71</v>
      </c>
      <c r="K58" s="19">
        <v>187</v>
      </c>
    </row>
    <row r="59" spans="1:11" ht="20.100000000000001" customHeight="1">
      <c r="A59" s="17" t="s">
        <v>115</v>
      </c>
      <c r="B59" s="17"/>
      <c r="C59" s="13">
        <v>20240</v>
      </c>
      <c r="D59" s="14">
        <v>10511</v>
      </c>
      <c r="E59" s="14">
        <v>9729</v>
      </c>
      <c r="F59" s="14"/>
      <c r="G59" s="18" t="s">
        <v>116</v>
      </c>
      <c r="H59" s="17"/>
      <c r="I59" s="13">
        <v>570</v>
      </c>
      <c r="J59" s="14">
        <v>118</v>
      </c>
      <c r="K59" s="14">
        <v>452</v>
      </c>
    </row>
    <row r="60" spans="1:11" ht="15" customHeight="1">
      <c r="A60" s="17" t="s">
        <v>117</v>
      </c>
      <c r="B60" s="17"/>
      <c r="C60" s="13">
        <v>3755</v>
      </c>
      <c r="D60" s="19">
        <v>1976</v>
      </c>
      <c r="E60" s="19">
        <v>1779</v>
      </c>
      <c r="F60" s="19"/>
      <c r="G60" s="18" t="s">
        <v>118</v>
      </c>
      <c r="H60" s="17"/>
      <c r="I60" s="13">
        <v>172</v>
      </c>
      <c r="J60" s="19">
        <v>46</v>
      </c>
      <c r="K60" s="19">
        <v>126</v>
      </c>
    </row>
    <row r="61" spans="1:11" ht="15" customHeight="1">
      <c r="A61" s="17" t="s">
        <v>119</v>
      </c>
      <c r="B61" s="17"/>
      <c r="C61" s="13">
        <v>4042</v>
      </c>
      <c r="D61" s="19">
        <v>2089</v>
      </c>
      <c r="E61" s="19">
        <v>1953</v>
      </c>
      <c r="F61" s="19"/>
      <c r="G61" s="18" t="s">
        <v>120</v>
      </c>
      <c r="H61" s="17"/>
      <c r="I61" s="13">
        <v>150</v>
      </c>
      <c r="J61" s="19">
        <v>36</v>
      </c>
      <c r="K61" s="19">
        <v>114</v>
      </c>
    </row>
    <row r="62" spans="1:11" ht="15" customHeight="1">
      <c r="A62" s="17" t="s">
        <v>121</v>
      </c>
      <c r="B62" s="17"/>
      <c r="C62" s="13">
        <v>4141</v>
      </c>
      <c r="D62" s="19">
        <v>2094</v>
      </c>
      <c r="E62" s="19">
        <v>2047</v>
      </c>
      <c r="F62" s="19"/>
      <c r="G62" s="18" t="s">
        <v>122</v>
      </c>
      <c r="H62" s="17"/>
      <c r="I62" s="13">
        <v>108</v>
      </c>
      <c r="J62" s="19">
        <v>18</v>
      </c>
      <c r="K62" s="19">
        <v>90</v>
      </c>
    </row>
    <row r="63" spans="1:11" ht="15" customHeight="1">
      <c r="A63" s="17" t="s">
        <v>123</v>
      </c>
      <c r="B63" s="17"/>
      <c r="C63" s="13">
        <v>4159</v>
      </c>
      <c r="D63" s="19">
        <v>2147</v>
      </c>
      <c r="E63" s="19">
        <v>2012</v>
      </c>
      <c r="F63" s="19"/>
      <c r="G63" s="18" t="s">
        <v>124</v>
      </c>
      <c r="H63" s="17"/>
      <c r="I63" s="13">
        <v>86</v>
      </c>
      <c r="J63" s="19">
        <v>13</v>
      </c>
      <c r="K63" s="19">
        <v>73</v>
      </c>
    </row>
    <row r="64" spans="1:11" ht="15" customHeight="1">
      <c r="A64" s="17" t="s">
        <v>125</v>
      </c>
      <c r="B64" s="17"/>
      <c r="C64" s="13">
        <v>4143</v>
      </c>
      <c r="D64" s="19">
        <v>2205</v>
      </c>
      <c r="E64" s="19">
        <v>1938</v>
      </c>
      <c r="F64" s="19"/>
      <c r="G64" s="18" t="s">
        <v>126</v>
      </c>
      <c r="H64" s="17"/>
      <c r="I64" s="13">
        <v>54</v>
      </c>
      <c r="J64" s="19">
        <v>5</v>
      </c>
      <c r="K64" s="19">
        <v>4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88</v>
      </c>
      <c r="J65" s="19">
        <v>9</v>
      </c>
      <c r="K65" s="19">
        <v>7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834</v>
      </c>
      <c r="J66" s="29">
        <v>4011</v>
      </c>
      <c r="K66" s="29">
        <v>2823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76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36699</v>
      </c>
      <c r="D4" s="14">
        <v>68655</v>
      </c>
      <c r="E4" s="14">
        <v>6804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629</v>
      </c>
      <c r="D5" s="14">
        <v>2935</v>
      </c>
      <c r="E5" s="14">
        <v>2694</v>
      </c>
      <c r="F5" s="14"/>
      <c r="G5" s="18" t="s">
        <v>8</v>
      </c>
      <c r="H5" s="17"/>
      <c r="I5" s="13">
        <v>10165</v>
      </c>
      <c r="J5" s="14">
        <v>5328</v>
      </c>
      <c r="K5" s="14">
        <v>4837</v>
      </c>
    </row>
    <row r="6" spans="1:11" ht="15" customHeight="1">
      <c r="A6" s="17" t="s">
        <v>9</v>
      </c>
      <c r="B6" s="17"/>
      <c r="C6" s="13">
        <v>1058</v>
      </c>
      <c r="D6" s="19">
        <v>545</v>
      </c>
      <c r="E6" s="19">
        <v>513</v>
      </c>
      <c r="F6" s="19"/>
      <c r="G6" s="18" t="s">
        <v>10</v>
      </c>
      <c r="H6" s="17"/>
      <c r="I6" s="13">
        <v>2203</v>
      </c>
      <c r="J6" s="19">
        <v>1134</v>
      </c>
      <c r="K6" s="19">
        <v>1069</v>
      </c>
    </row>
    <row r="7" spans="1:11" ht="15" customHeight="1">
      <c r="A7" s="17" t="s">
        <v>11</v>
      </c>
      <c r="B7" s="17"/>
      <c r="C7" s="13">
        <v>1130</v>
      </c>
      <c r="D7" s="19">
        <v>592</v>
      </c>
      <c r="E7" s="19">
        <v>538</v>
      </c>
      <c r="F7" s="19"/>
      <c r="G7" s="18" t="s">
        <v>12</v>
      </c>
      <c r="H7" s="17"/>
      <c r="I7" s="13">
        <v>2206</v>
      </c>
      <c r="J7" s="19">
        <v>1178</v>
      </c>
      <c r="K7" s="19">
        <v>1028</v>
      </c>
    </row>
    <row r="8" spans="1:11" ht="15" customHeight="1">
      <c r="A8" s="17" t="s">
        <v>13</v>
      </c>
      <c r="B8" s="17"/>
      <c r="C8" s="13">
        <v>1185</v>
      </c>
      <c r="D8" s="19">
        <v>650</v>
      </c>
      <c r="E8" s="19">
        <v>535</v>
      </c>
      <c r="F8" s="19"/>
      <c r="G8" s="18" t="s">
        <v>14</v>
      </c>
      <c r="H8" s="17"/>
      <c r="I8" s="13">
        <v>2148</v>
      </c>
      <c r="J8" s="19">
        <v>1135</v>
      </c>
      <c r="K8" s="19">
        <v>1013</v>
      </c>
    </row>
    <row r="9" spans="1:11" ht="15" customHeight="1">
      <c r="A9" s="17" t="s">
        <v>15</v>
      </c>
      <c r="B9" s="17"/>
      <c r="C9" s="13">
        <v>1100</v>
      </c>
      <c r="D9" s="19">
        <v>548</v>
      </c>
      <c r="E9" s="19">
        <v>552</v>
      </c>
      <c r="F9" s="19"/>
      <c r="G9" s="18" t="s">
        <v>16</v>
      </c>
      <c r="H9" s="17"/>
      <c r="I9" s="13">
        <v>2070</v>
      </c>
      <c r="J9" s="19">
        <v>1046</v>
      </c>
      <c r="K9" s="19">
        <v>1024</v>
      </c>
    </row>
    <row r="10" spans="1:11" ht="15" customHeight="1">
      <c r="A10" s="17" t="s">
        <v>17</v>
      </c>
      <c r="B10" s="17"/>
      <c r="C10" s="13">
        <v>1156</v>
      </c>
      <c r="D10" s="19">
        <v>600</v>
      </c>
      <c r="E10" s="19">
        <v>556</v>
      </c>
      <c r="F10" s="19"/>
      <c r="G10" s="18" t="s">
        <v>18</v>
      </c>
      <c r="H10" s="17"/>
      <c r="I10" s="13">
        <v>1538</v>
      </c>
      <c r="J10" s="19">
        <v>835</v>
      </c>
      <c r="K10" s="19">
        <v>703</v>
      </c>
    </row>
    <row r="11" spans="1:11" ht="20.100000000000001" customHeight="1">
      <c r="A11" s="17" t="s">
        <v>19</v>
      </c>
      <c r="B11" s="17"/>
      <c r="C11" s="13">
        <v>5863</v>
      </c>
      <c r="D11" s="14">
        <v>2993</v>
      </c>
      <c r="E11" s="14">
        <v>2870</v>
      </c>
      <c r="F11" s="14"/>
      <c r="G11" s="18" t="s">
        <v>20</v>
      </c>
      <c r="H11" s="17"/>
      <c r="I11" s="13">
        <v>8211</v>
      </c>
      <c r="J11" s="14">
        <v>4284</v>
      </c>
      <c r="K11" s="14">
        <v>3927</v>
      </c>
    </row>
    <row r="12" spans="1:11" ht="15" customHeight="1">
      <c r="A12" s="17" t="s">
        <v>21</v>
      </c>
      <c r="B12" s="17"/>
      <c r="C12" s="13">
        <v>1160</v>
      </c>
      <c r="D12" s="19">
        <v>587</v>
      </c>
      <c r="E12" s="19">
        <v>573</v>
      </c>
      <c r="F12" s="19"/>
      <c r="G12" s="18" t="s">
        <v>22</v>
      </c>
      <c r="H12" s="17"/>
      <c r="I12" s="13">
        <v>1935</v>
      </c>
      <c r="J12" s="19">
        <v>1023</v>
      </c>
      <c r="K12" s="19">
        <v>912</v>
      </c>
    </row>
    <row r="13" spans="1:11" ht="15" customHeight="1">
      <c r="A13" s="17" t="s">
        <v>23</v>
      </c>
      <c r="B13" s="17"/>
      <c r="C13" s="13">
        <v>1163</v>
      </c>
      <c r="D13" s="19">
        <v>577</v>
      </c>
      <c r="E13" s="19">
        <v>586</v>
      </c>
      <c r="F13" s="19"/>
      <c r="G13" s="18" t="s">
        <v>24</v>
      </c>
      <c r="H13" s="17"/>
      <c r="I13" s="13">
        <v>1679</v>
      </c>
      <c r="J13" s="19">
        <v>862</v>
      </c>
      <c r="K13" s="19">
        <v>817</v>
      </c>
    </row>
    <row r="14" spans="1:11" ht="15" customHeight="1">
      <c r="A14" s="17" t="s">
        <v>25</v>
      </c>
      <c r="B14" s="17"/>
      <c r="C14" s="13">
        <v>1167</v>
      </c>
      <c r="D14" s="19">
        <v>595</v>
      </c>
      <c r="E14" s="19">
        <v>572</v>
      </c>
      <c r="F14" s="19"/>
      <c r="G14" s="18" t="s">
        <v>26</v>
      </c>
      <c r="H14" s="17"/>
      <c r="I14" s="13">
        <v>1651</v>
      </c>
      <c r="J14" s="19">
        <v>857</v>
      </c>
      <c r="K14" s="19">
        <v>794</v>
      </c>
    </row>
    <row r="15" spans="1:11" ht="15" customHeight="1">
      <c r="A15" s="17" t="s">
        <v>27</v>
      </c>
      <c r="B15" s="17"/>
      <c r="C15" s="13">
        <v>1179</v>
      </c>
      <c r="D15" s="19">
        <v>635</v>
      </c>
      <c r="E15" s="19">
        <v>544</v>
      </c>
      <c r="F15" s="19"/>
      <c r="G15" s="18" t="s">
        <v>28</v>
      </c>
      <c r="H15" s="17"/>
      <c r="I15" s="13">
        <v>1514</v>
      </c>
      <c r="J15" s="19">
        <v>775</v>
      </c>
      <c r="K15" s="19">
        <v>739</v>
      </c>
    </row>
    <row r="16" spans="1:11" ht="15" customHeight="1">
      <c r="A16" s="17" t="s">
        <v>29</v>
      </c>
      <c r="B16" s="17"/>
      <c r="C16" s="13">
        <v>1194</v>
      </c>
      <c r="D16" s="19">
        <v>599</v>
      </c>
      <c r="E16" s="19">
        <v>595</v>
      </c>
      <c r="F16" s="19"/>
      <c r="G16" s="18" t="s">
        <v>30</v>
      </c>
      <c r="H16" s="17"/>
      <c r="I16" s="13">
        <v>1432</v>
      </c>
      <c r="J16" s="19">
        <v>767</v>
      </c>
      <c r="K16" s="19">
        <v>665</v>
      </c>
    </row>
    <row r="17" spans="1:11" ht="20.100000000000001" customHeight="1">
      <c r="A17" s="20" t="s">
        <v>31</v>
      </c>
      <c r="B17" s="20"/>
      <c r="C17" s="13">
        <v>6113</v>
      </c>
      <c r="D17" s="14">
        <v>3127</v>
      </c>
      <c r="E17" s="14">
        <v>2986</v>
      </c>
      <c r="F17" s="14"/>
      <c r="G17" s="18" t="s">
        <v>32</v>
      </c>
      <c r="H17" s="17"/>
      <c r="I17" s="13">
        <v>6742</v>
      </c>
      <c r="J17" s="14">
        <v>3348</v>
      </c>
      <c r="K17" s="14">
        <v>3394</v>
      </c>
    </row>
    <row r="18" spans="1:11" ht="15" customHeight="1">
      <c r="A18" s="17" t="s">
        <v>33</v>
      </c>
      <c r="B18" s="17"/>
      <c r="C18" s="13">
        <v>1212</v>
      </c>
      <c r="D18" s="19">
        <v>639</v>
      </c>
      <c r="E18" s="19">
        <v>573</v>
      </c>
      <c r="F18" s="19"/>
      <c r="G18" s="18" t="s">
        <v>34</v>
      </c>
      <c r="H18" s="17"/>
      <c r="I18" s="13">
        <v>1426</v>
      </c>
      <c r="J18" s="19">
        <v>711</v>
      </c>
      <c r="K18" s="19">
        <v>715</v>
      </c>
    </row>
    <row r="19" spans="1:11" ht="15" customHeight="1">
      <c r="A19" s="17" t="s">
        <v>35</v>
      </c>
      <c r="B19" s="17"/>
      <c r="C19" s="13">
        <v>1215</v>
      </c>
      <c r="D19" s="19">
        <v>632</v>
      </c>
      <c r="E19" s="19">
        <v>583</v>
      </c>
      <c r="F19" s="19"/>
      <c r="G19" s="18" t="s">
        <v>36</v>
      </c>
      <c r="H19" s="17"/>
      <c r="I19" s="13">
        <v>1416</v>
      </c>
      <c r="J19" s="19">
        <v>712</v>
      </c>
      <c r="K19" s="19">
        <v>704</v>
      </c>
    </row>
    <row r="20" spans="1:11" ht="15" customHeight="1">
      <c r="A20" s="17" t="s">
        <v>37</v>
      </c>
      <c r="B20" s="17"/>
      <c r="C20" s="13">
        <v>1223</v>
      </c>
      <c r="D20" s="19">
        <v>604</v>
      </c>
      <c r="E20" s="19">
        <v>619</v>
      </c>
      <c r="F20" s="19"/>
      <c r="G20" s="18" t="s">
        <v>38</v>
      </c>
      <c r="H20" s="17"/>
      <c r="I20" s="13">
        <v>1345</v>
      </c>
      <c r="J20" s="19">
        <v>675</v>
      </c>
      <c r="K20" s="19">
        <v>670</v>
      </c>
    </row>
    <row r="21" spans="1:11" ht="15" customHeight="1">
      <c r="A21" s="17" t="s">
        <v>39</v>
      </c>
      <c r="B21" s="17"/>
      <c r="C21" s="13">
        <v>1211</v>
      </c>
      <c r="D21" s="19">
        <v>605</v>
      </c>
      <c r="E21" s="19">
        <v>606</v>
      </c>
      <c r="F21" s="19"/>
      <c r="G21" s="18" t="s">
        <v>40</v>
      </c>
      <c r="H21" s="17"/>
      <c r="I21" s="13">
        <v>1265</v>
      </c>
      <c r="J21" s="19">
        <v>630</v>
      </c>
      <c r="K21" s="19">
        <v>635</v>
      </c>
    </row>
    <row r="22" spans="1:11" ht="15" customHeight="1">
      <c r="A22" s="17" t="s">
        <v>41</v>
      </c>
      <c r="B22" s="17"/>
      <c r="C22" s="13">
        <v>1252</v>
      </c>
      <c r="D22" s="19">
        <v>647</v>
      </c>
      <c r="E22" s="19">
        <v>605</v>
      </c>
      <c r="F22" s="19"/>
      <c r="G22" s="18" t="s">
        <v>42</v>
      </c>
      <c r="H22" s="17"/>
      <c r="I22" s="13">
        <v>1290</v>
      </c>
      <c r="J22" s="19">
        <v>620</v>
      </c>
      <c r="K22" s="19">
        <v>670</v>
      </c>
    </row>
    <row r="23" spans="1:11" ht="20.100000000000001" customHeight="1">
      <c r="A23" s="17" t="s">
        <v>43</v>
      </c>
      <c r="B23" s="17"/>
      <c r="C23" s="13">
        <v>6417</v>
      </c>
      <c r="D23" s="14">
        <v>3282</v>
      </c>
      <c r="E23" s="14">
        <v>3135</v>
      </c>
      <c r="F23" s="14"/>
      <c r="G23" s="18" t="s">
        <v>44</v>
      </c>
      <c r="H23" s="17"/>
      <c r="I23" s="13">
        <v>7603</v>
      </c>
      <c r="J23" s="14">
        <v>3680</v>
      </c>
      <c r="K23" s="14">
        <v>3923</v>
      </c>
    </row>
    <row r="24" spans="1:11" ht="15" customHeight="1">
      <c r="A24" s="17" t="s">
        <v>45</v>
      </c>
      <c r="B24" s="17"/>
      <c r="C24" s="13">
        <v>1272</v>
      </c>
      <c r="D24" s="19">
        <v>662</v>
      </c>
      <c r="E24" s="19">
        <v>610</v>
      </c>
      <c r="F24" s="19"/>
      <c r="G24" s="18" t="s">
        <v>46</v>
      </c>
      <c r="H24" s="17"/>
      <c r="I24" s="13">
        <v>1408</v>
      </c>
      <c r="J24" s="19">
        <v>690</v>
      </c>
      <c r="K24" s="19">
        <v>718</v>
      </c>
    </row>
    <row r="25" spans="1:11" ht="15" customHeight="1">
      <c r="A25" s="17" t="s">
        <v>47</v>
      </c>
      <c r="B25" s="17"/>
      <c r="C25" s="13">
        <v>1274</v>
      </c>
      <c r="D25" s="19">
        <v>645</v>
      </c>
      <c r="E25" s="19">
        <v>629</v>
      </c>
      <c r="F25" s="19"/>
      <c r="G25" s="18" t="s">
        <v>48</v>
      </c>
      <c r="H25" s="17"/>
      <c r="I25" s="13">
        <v>1429</v>
      </c>
      <c r="J25" s="19">
        <v>698</v>
      </c>
      <c r="K25" s="19">
        <v>731</v>
      </c>
    </row>
    <row r="26" spans="1:11" ht="15" customHeight="1">
      <c r="A26" s="17" t="s">
        <v>49</v>
      </c>
      <c r="B26" s="17"/>
      <c r="C26" s="13">
        <v>1256</v>
      </c>
      <c r="D26" s="19">
        <v>677</v>
      </c>
      <c r="E26" s="19">
        <v>579</v>
      </c>
      <c r="F26" s="19"/>
      <c r="G26" s="18" t="s">
        <v>50</v>
      </c>
      <c r="H26" s="17"/>
      <c r="I26" s="13">
        <v>1428</v>
      </c>
      <c r="J26" s="19">
        <v>728</v>
      </c>
      <c r="K26" s="19">
        <v>700</v>
      </c>
    </row>
    <row r="27" spans="1:11" ht="15" customHeight="1">
      <c r="A27" s="17" t="s">
        <v>51</v>
      </c>
      <c r="B27" s="17"/>
      <c r="C27" s="13">
        <v>1321</v>
      </c>
      <c r="D27" s="19">
        <v>651</v>
      </c>
      <c r="E27" s="19">
        <v>670</v>
      </c>
      <c r="F27" s="19"/>
      <c r="G27" s="18" t="s">
        <v>52</v>
      </c>
      <c r="H27" s="17"/>
      <c r="I27" s="13">
        <v>1620</v>
      </c>
      <c r="J27" s="19">
        <v>759</v>
      </c>
      <c r="K27" s="19">
        <v>861</v>
      </c>
    </row>
    <row r="28" spans="1:11" ht="15" customHeight="1">
      <c r="A28" s="17" t="s">
        <v>53</v>
      </c>
      <c r="B28" s="17"/>
      <c r="C28" s="13">
        <v>1294</v>
      </c>
      <c r="D28" s="19">
        <v>647</v>
      </c>
      <c r="E28" s="19">
        <v>647</v>
      </c>
      <c r="F28" s="19"/>
      <c r="G28" s="18" t="s">
        <v>54</v>
      </c>
      <c r="H28" s="17"/>
      <c r="I28" s="13">
        <v>1718</v>
      </c>
      <c r="J28" s="19">
        <v>805</v>
      </c>
      <c r="K28" s="19">
        <v>913</v>
      </c>
    </row>
    <row r="29" spans="1:11" ht="20.100000000000001" customHeight="1">
      <c r="A29" s="17" t="s">
        <v>55</v>
      </c>
      <c r="B29" s="17"/>
      <c r="C29" s="13">
        <v>6402</v>
      </c>
      <c r="D29" s="14">
        <v>3307</v>
      </c>
      <c r="E29" s="14">
        <v>3095</v>
      </c>
      <c r="F29" s="14"/>
      <c r="G29" s="18" t="s">
        <v>56</v>
      </c>
      <c r="H29" s="17"/>
      <c r="I29" s="13">
        <v>9393</v>
      </c>
      <c r="J29" s="14">
        <v>4417</v>
      </c>
      <c r="K29" s="14">
        <v>4976</v>
      </c>
    </row>
    <row r="30" spans="1:11" ht="15" customHeight="1">
      <c r="A30" s="17" t="s">
        <v>57</v>
      </c>
      <c r="B30" s="17"/>
      <c r="C30" s="13">
        <v>1289</v>
      </c>
      <c r="D30" s="19">
        <v>670</v>
      </c>
      <c r="E30" s="19">
        <v>619</v>
      </c>
      <c r="F30" s="19"/>
      <c r="G30" s="18" t="s">
        <v>58</v>
      </c>
      <c r="H30" s="17"/>
      <c r="I30" s="13">
        <v>1839</v>
      </c>
      <c r="J30" s="19">
        <v>852</v>
      </c>
      <c r="K30" s="19">
        <v>987</v>
      </c>
    </row>
    <row r="31" spans="1:11" ht="15" customHeight="1">
      <c r="A31" s="17" t="s">
        <v>59</v>
      </c>
      <c r="B31" s="17"/>
      <c r="C31" s="13">
        <v>1272</v>
      </c>
      <c r="D31" s="19">
        <v>673</v>
      </c>
      <c r="E31" s="19">
        <v>599</v>
      </c>
      <c r="F31" s="19"/>
      <c r="G31" s="18" t="s">
        <v>60</v>
      </c>
      <c r="H31" s="17"/>
      <c r="I31" s="13">
        <v>2135</v>
      </c>
      <c r="J31" s="19">
        <v>1019</v>
      </c>
      <c r="K31" s="19">
        <v>1116</v>
      </c>
    </row>
    <row r="32" spans="1:11" ht="15" customHeight="1">
      <c r="A32" s="17" t="s">
        <v>61</v>
      </c>
      <c r="B32" s="17"/>
      <c r="C32" s="13">
        <v>1297</v>
      </c>
      <c r="D32" s="19">
        <v>659</v>
      </c>
      <c r="E32" s="19">
        <v>638</v>
      </c>
      <c r="F32" s="19"/>
      <c r="G32" s="18" t="s">
        <v>62</v>
      </c>
      <c r="H32" s="17"/>
      <c r="I32" s="13">
        <v>2036</v>
      </c>
      <c r="J32" s="19">
        <v>947</v>
      </c>
      <c r="K32" s="19">
        <v>1089</v>
      </c>
    </row>
    <row r="33" spans="1:11" ht="15" customHeight="1">
      <c r="A33" s="17" t="s">
        <v>63</v>
      </c>
      <c r="B33" s="17"/>
      <c r="C33" s="13">
        <v>1213</v>
      </c>
      <c r="D33" s="19">
        <v>632</v>
      </c>
      <c r="E33" s="19">
        <v>581</v>
      </c>
      <c r="F33" s="19"/>
      <c r="G33" s="18" t="s">
        <v>64</v>
      </c>
      <c r="H33" s="17"/>
      <c r="I33" s="13">
        <v>1997</v>
      </c>
      <c r="J33" s="19">
        <v>914</v>
      </c>
      <c r="K33" s="19">
        <v>1083</v>
      </c>
    </row>
    <row r="34" spans="1:11" ht="15" customHeight="1">
      <c r="A34" s="17" t="s">
        <v>65</v>
      </c>
      <c r="B34" s="17"/>
      <c r="C34" s="13">
        <v>1331</v>
      </c>
      <c r="D34" s="19">
        <v>673</v>
      </c>
      <c r="E34" s="19">
        <v>658</v>
      </c>
      <c r="F34" s="19"/>
      <c r="G34" s="18" t="s">
        <v>66</v>
      </c>
      <c r="H34" s="17"/>
      <c r="I34" s="13">
        <v>1386</v>
      </c>
      <c r="J34" s="19">
        <v>685</v>
      </c>
      <c r="K34" s="19">
        <v>701</v>
      </c>
    </row>
    <row r="35" spans="1:11" ht="20.100000000000001" customHeight="1">
      <c r="A35" s="17" t="s">
        <v>67</v>
      </c>
      <c r="B35" s="17"/>
      <c r="C35" s="13">
        <v>7062</v>
      </c>
      <c r="D35" s="14">
        <v>3685</v>
      </c>
      <c r="E35" s="14">
        <v>3377</v>
      </c>
      <c r="F35" s="14"/>
      <c r="G35" s="18" t="s">
        <v>68</v>
      </c>
      <c r="H35" s="17"/>
      <c r="I35" s="13">
        <v>7300</v>
      </c>
      <c r="J35" s="14">
        <v>3412</v>
      </c>
      <c r="K35" s="14">
        <v>3888</v>
      </c>
    </row>
    <row r="36" spans="1:11" ht="15" customHeight="1">
      <c r="A36" s="17" t="s">
        <v>69</v>
      </c>
      <c r="B36" s="17"/>
      <c r="C36" s="13">
        <v>1329</v>
      </c>
      <c r="D36" s="19">
        <v>676</v>
      </c>
      <c r="E36" s="19">
        <v>653</v>
      </c>
      <c r="F36" s="19"/>
      <c r="G36" s="18" t="s">
        <v>70</v>
      </c>
      <c r="H36" s="17"/>
      <c r="I36" s="13">
        <v>1223</v>
      </c>
      <c r="J36" s="19">
        <v>598</v>
      </c>
      <c r="K36" s="19">
        <v>625</v>
      </c>
    </row>
    <row r="37" spans="1:11" ht="15" customHeight="1">
      <c r="A37" s="17" t="s">
        <v>71</v>
      </c>
      <c r="B37" s="17"/>
      <c r="C37" s="13">
        <v>1463</v>
      </c>
      <c r="D37" s="19">
        <v>755</v>
      </c>
      <c r="E37" s="19">
        <v>708</v>
      </c>
      <c r="F37" s="19"/>
      <c r="G37" s="18" t="s">
        <v>72</v>
      </c>
      <c r="H37" s="17"/>
      <c r="I37" s="13">
        <v>1459</v>
      </c>
      <c r="J37" s="19">
        <v>699</v>
      </c>
      <c r="K37" s="19">
        <v>760</v>
      </c>
    </row>
    <row r="38" spans="1:11" ht="15" customHeight="1">
      <c r="A38" s="17" t="s">
        <v>73</v>
      </c>
      <c r="B38" s="17"/>
      <c r="C38" s="13">
        <v>1379</v>
      </c>
      <c r="D38" s="19">
        <v>735</v>
      </c>
      <c r="E38" s="19">
        <v>644</v>
      </c>
      <c r="F38" s="19"/>
      <c r="G38" s="18" t="s">
        <v>74</v>
      </c>
      <c r="H38" s="17"/>
      <c r="I38" s="13">
        <v>1638</v>
      </c>
      <c r="J38" s="19">
        <v>727</v>
      </c>
      <c r="K38" s="19">
        <v>911</v>
      </c>
    </row>
    <row r="39" spans="1:11" ht="15" customHeight="1">
      <c r="A39" s="17" t="s">
        <v>75</v>
      </c>
      <c r="B39" s="17"/>
      <c r="C39" s="13">
        <v>1444</v>
      </c>
      <c r="D39" s="19">
        <v>769</v>
      </c>
      <c r="E39" s="19">
        <v>675</v>
      </c>
      <c r="F39" s="19"/>
      <c r="G39" s="18" t="s">
        <v>76</v>
      </c>
      <c r="H39" s="17"/>
      <c r="I39" s="13">
        <v>1480</v>
      </c>
      <c r="J39" s="19">
        <v>693</v>
      </c>
      <c r="K39" s="19">
        <v>787</v>
      </c>
    </row>
    <row r="40" spans="1:11" ht="15" customHeight="1">
      <c r="A40" s="17" t="s">
        <v>77</v>
      </c>
      <c r="B40" s="17"/>
      <c r="C40" s="13">
        <v>1447</v>
      </c>
      <c r="D40" s="19">
        <v>750</v>
      </c>
      <c r="E40" s="19">
        <v>697</v>
      </c>
      <c r="F40" s="19"/>
      <c r="G40" s="18" t="s">
        <v>78</v>
      </c>
      <c r="H40" s="17"/>
      <c r="I40" s="13">
        <v>1500</v>
      </c>
      <c r="J40" s="19">
        <v>695</v>
      </c>
      <c r="K40" s="19">
        <v>805</v>
      </c>
    </row>
    <row r="41" spans="1:11" ht="20.100000000000001" customHeight="1">
      <c r="A41" s="17" t="s">
        <v>79</v>
      </c>
      <c r="B41" s="17"/>
      <c r="C41" s="13">
        <v>7839</v>
      </c>
      <c r="D41" s="14">
        <v>4104</v>
      </c>
      <c r="E41" s="14">
        <v>3735</v>
      </c>
      <c r="F41" s="14"/>
      <c r="G41" s="18" t="s">
        <v>80</v>
      </c>
      <c r="H41" s="17"/>
      <c r="I41" s="13">
        <v>5195</v>
      </c>
      <c r="J41" s="14">
        <v>2394</v>
      </c>
      <c r="K41" s="14">
        <v>2801</v>
      </c>
    </row>
    <row r="42" spans="1:11" ht="15" customHeight="1">
      <c r="A42" s="17" t="s">
        <v>81</v>
      </c>
      <c r="B42" s="17"/>
      <c r="C42" s="13">
        <v>1470</v>
      </c>
      <c r="D42" s="19">
        <v>758</v>
      </c>
      <c r="E42" s="19">
        <v>712</v>
      </c>
      <c r="F42" s="19"/>
      <c r="G42" s="18" t="s">
        <v>82</v>
      </c>
      <c r="H42" s="17"/>
      <c r="I42" s="13">
        <v>1309</v>
      </c>
      <c r="J42" s="19">
        <v>604</v>
      </c>
      <c r="K42" s="19">
        <v>705</v>
      </c>
    </row>
    <row r="43" spans="1:11" ht="15" customHeight="1">
      <c r="A43" s="17" t="s">
        <v>83</v>
      </c>
      <c r="B43" s="17"/>
      <c r="C43" s="13">
        <v>1516</v>
      </c>
      <c r="D43" s="19">
        <v>792</v>
      </c>
      <c r="E43" s="19">
        <v>724</v>
      </c>
      <c r="F43" s="19"/>
      <c r="G43" s="18" t="s">
        <v>84</v>
      </c>
      <c r="H43" s="17"/>
      <c r="I43" s="13">
        <v>1055</v>
      </c>
      <c r="J43" s="19">
        <v>489</v>
      </c>
      <c r="K43" s="19">
        <v>566</v>
      </c>
    </row>
    <row r="44" spans="1:11" ht="15" customHeight="1">
      <c r="A44" s="17" t="s">
        <v>85</v>
      </c>
      <c r="B44" s="17"/>
      <c r="C44" s="13">
        <v>1596</v>
      </c>
      <c r="D44" s="19">
        <v>825</v>
      </c>
      <c r="E44" s="19">
        <v>771</v>
      </c>
      <c r="F44" s="19"/>
      <c r="G44" s="18" t="s">
        <v>86</v>
      </c>
      <c r="H44" s="17"/>
      <c r="I44" s="13">
        <v>960</v>
      </c>
      <c r="J44" s="19">
        <v>430</v>
      </c>
      <c r="K44" s="19">
        <v>530</v>
      </c>
    </row>
    <row r="45" spans="1:11" ht="15" customHeight="1">
      <c r="A45" s="17" t="s">
        <v>87</v>
      </c>
      <c r="B45" s="17"/>
      <c r="C45" s="13">
        <v>1591</v>
      </c>
      <c r="D45" s="19">
        <v>827</v>
      </c>
      <c r="E45" s="19">
        <v>764</v>
      </c>
      <c r="F45" s="19"/>
      <c r="G45" s="18" t="s">
        <v>88</v>
      </c>
      <c r="H45" s="17"/>
      <c r="I45" s="13">
        <v>1021</v>
      </c>
      <c r="J45" s="19">
        <v>471</v>
      </c>
      <c r="K45" s="19">
        <v>550</v>
      </c>
    </row>
    <row r="46" spans="1:11" ht="15" customHeight="1">
      <c r="A46" s="17" t="s">
        <v>89</v>
      </c>
      <c r="B46" s="17"/>
      <c r="C46" s="13">
        <v>1666</v>
      </c>
      <c r="D46" s="19">
        <v>902</v>
      </c>
      <c r="E46" s="19">
        <v>764</v>
      </c>
      <c r="F46" s="19"/>
      <c r="G46" s="18" t="s">
        <v>90</v>
      </c>
      <c r="H46" s="17"/>
      <c r="I46" s="13">
        <v>850</v>
      </c>
      <c r="J46" s="19">
        <v>400</v>
      </c>
      <c r="K46" s="19">
        <v>450</v>
      </c>
    </row>
    <row r="47" spans="1:11" ht="20.100000000000001" customHeight="1">
      <c r="A47" s="17" t="s">
        <v>91</v>
      </c>
      <c r="B47" s="17"/>
      <c r="C47" s="13">
        <v>8739</v>
      </c>
      <c r="D47" s="14">
        <v>4529</v>
      </c>
      <c r="E47" s="14">
        <v>4210</v>
      </c>
      <c r="F47" s="14"/>
      <c r="G47" s="18" t="s">
        <v>92</v>
      </c>
      <c r="H47" s="17"/>
      <c r="I47" s="13">
        <v>2838</v>
      </c>
      <c r="J47" s="14">
        <v>1105</v>
      </c>
      <c r="K47" s="14">
        <v>1733</v>
      </c>
    </row>
    <row r="48" spans="1:11" ht="15" customHeight="1">
      <c r="A48" s="17" t="s">
        <v>93</v>
      </c>
      <c r="B48" s="17"/>
      <c r="C48" s="13">
        <v>1625</v>
      </c>
      <c r="D48" s="19">
        <v>847</v>
      </c>
      <c r="E48" s="19">
        <v>778</v>
      </c>
      <c r="F48" s="19"/>
      <c r="G48" s="18" t="s">
        <v>94</v>
      </c>
      <c r="H48" s="17"/>
      <c r="I48" s="13">
        <v>750</v>
      </c>
      <c r="J48" s="19">
        <v>345</v>
      </c>
      <c r="K48" s="19">
        <v>405</v>
      </c>
    </row>
    <row r="49" spans="1:11" ht="15" customHeight="1">
      <c r="A49" s="17" t="s">
        <v>95</v>
      </c>
      <c r="B49" s="17"/>
      <c r="C49" s="13">
        <v>1775</v>
      </c>
      <c r="D49" s="19">
        <v>920</v>
      </c>
      <c r="E49" s="19">
        <v>855</v>
      </c>
      <c r="F49" s="19"/>
      <c r="G49" s="18" t="s">
        <v>96</v>
      </c>
      <c r="H49" s="17"/>
      <c r="I49" s="13">
        <v>645</v>
      </c>
      <c r="J49" s="19">
        <v>260</v>
      </c>
      <c r="K49" s="19">
        <v>385</v>
      </c>
    </row>
    <row r="50" spans="1:11" ht="15" customHeight="1">
      <c r="A50" s="17" t="s">
        <v>97</v>
      </c>
      <c r="B50" s="17"/>
      <c r="C50" s="13">
        <v>1750</v>
      </c>
      <c r="D50" s="19">
        <v>891</v>
      </c>
      <c r="E50" s="19">
        <v>859</v>
      </c>
      <c r="F50" s="19"/>
      <c r="G50" s="18" t="s">
        <v>98</v>
      </c>
      <c r="H50" s="17"/>
      <c r="I50" s="13">
        <v>522</v>
      </c>
      <c r="J50" s="19">
        <v>203</v>
      </c>
      <c r="K50" s="19">
        <v>319</v>
      </c>
    </row>
    <row r="51" spans="1:11" ht="15" customHeight="1">
      <c r="A51" s="17" t="s">
        <v>99</v>
      </c>
      <c r="B51" s="17"/>
      <c r="C51" s="13">
        <v>1860</v>
      </c>
      <c r="D51" s="19">
        <v>969</v>
      </c>
      <c r="E51" s="19">
        <v>891</v>
      </c>
      <c r="F51" s="19"/>
      <c r="G51" s="18" t="s">
        <v>100</v>
      </c>
      <c r="H51" s="17"/>
      <c r="I51" s="13">
        <v>509</v>
      </c>
      <c r="J51" s="19">
        <v>177</v>
      </c>
      <c r="K51" s="19">
        <v>332</v>
      </c>
    </row>
    <row r="52" spans="1:11" ht="15" customHeight="1">
      <c r="A52" s="17" t="s">
        <v>101</v>
      </c>
      <c r="B52" s="17"/>
      <c r="C52" s="13">
        <v>1729</v>
      </c>
      <c r="D52" s="19">
        <v>902</v>
      </c>
      <c r="E52" s="19">
        <v>827</v>
      </c>
      <c r="F52" s="19"/>
      <c r="G52" s="18" t="s">
        <v>102</v>
      </c>
      <c r="H52" s="17"/>
      <c r="I52" s="13">
        <v>412</v>
      </c>
      <c r="J52" s="19">
        <v>120</v>
      </c>
      <c r="K52" s="19">
        <v>292</v>
      </c>
    </row>
    <row r="53" spans="1:11" ht="20.100000000000001" customHeight="1">
      <c r="A53" s="17" t="s">
        <v>103</v>
      </c>
      <c r="B53" s="17"/>
      <c r="C53" s="13">
        <v>9880</v>
      </c>
      <c r="D53" s="14">
        <v>5121</v>
      </c>
      <c r="E53" s="14">
        <v>4759</v>
      </c>
      <c r="F53" s="14"/>
      <c r="G53" s="18" t="s">
        <v>104</v>
      </c>
      <c r="H53" s="17"/>
      <c r="I53" s="13">
        <v>1216</v>
      </c>
      <c r="J53" s="14">
        <v>349</v>
      </c>
      <c r="K53" s="14">
        <v>867</v>
      </c>
    </row>
    <row r="54" spans="1:11" ht="15" customHeight="1">
      <c r="A54" s="17" t="s">
        <v>105</v>
      </c>
      <c r="B54" s="17"/>
      <c r="C54" s="13">
        <v>1857</v>
      </c>
      <c r="D54" s="19">
        <v>953</v>
      </c>
      <c r="E54" s="19">
        <v>904</v>
      </c>
      <c r="F54" s="19"/>
      <c r="G54" s="18" t="s">
        <v>106</v>
      </c>
      <c r="H54" s="17"/>
      <c r="I54" s="13">
        <v>341</v>
      </c>
      <c r="J54" s="19">
        <v>107</v>
      </c>
      <c r="K54" s="19">
        <v>234</v>
      </c>
    </row>
    <row r="55" spans="1:11" ht="15" customHeight="1">
      <c r="A55" s="17" t="s">
        <v>107</v>
      </c>
      <c r="B55" s="17"/>
      <c r="C55" s="13">
        <v>1909</v>
      </c>
      <c r="D55" s="19">
        <v>1004</v>
      </c>
      <c r="E55" s="19">
        <v>905</v>
      </c>
      <c r="F55" s="19"/>
      <c r="G55" s="18" t="s">
        <v>108</v>
      </c>
      <c r="H55" s="17"/>
      <c r="I55" s="13">
        <v>294</v>
      </c>
      <c r="J55" s="19">
        <v>83</v>
      </c>
      <c r="K55" s="19">
        <v>211</v>
      </c>
    </row>
    <row r="56" spans="1:11" ht="15" customHeight="1">
      <c r="A56" s="17" t="s">
        <v>109</v>
      </c>
      <c r="B56" s="17"/>
      <c r="C56" s="13">
        <v>1953</v>
      </c>
      <c r="D56" s="19">
        <v>1021</v>
      </c>
      <c r="E56" s="19">
        <v>932</v>
      </c>
      <c r="F56" s="19"/>
      <c r="G56" s="18" t="s">
        <v>110</v>
      </c>
      <c r="H56" s="17"/>
      <c r="I56" s="13">
        <v>225</v>
      </c>
      <c r="J56" s="19">
        <v>59</v>
      </c>
      <c r="K56" s="19">
        <v>166</v>
      </c>
    </row>
    <row r="57" spans="1:11" ht="15" customHeight="1">
      <c r="A57" s="17" t="s">
        <v>111</v>
      </c>
      <c r="B57" s="17"/>
      <c r="C57" s="13">
        <v>2056</v>
      </c>
      <c r="D57" s="19">
        <v>1067</v>
      </c>
      <c r="E57" s="19">
        <v>989</v>
      </c>
      <c r="F57" s="19"/>
      <c r="G57" s="18" t="s">
        <v>112</v>
      </c>
      <c r="H57" s="17"/>
      <c r="I57" s="13">
        <v>200</v>
      </c>
      <c r="J57" s="19">
        <v>62</v>
      </c>
      <c r="K57" s="19">
        <v>138</v>
      </c>
    </row>
    <row r="58" spans="1:11" ht="15" customHeight="1">
      <c r="A58" s="17" t="s">
        <v>113</v>
      </c>
      <c r="B58" s="17"/>
      <c r="C58" s="13">
        <v>2105</v>
      </c>
      <c r="D58" s="19">
        <v>1076</v>
      </c>
      <c r="E58" s="19">
        <v>1029</v>
      </c>
      <c r="F58" s="19"/>
      <c r="G58" s="18" t="s">
        <v>114</v>
      </c>
      <c r="H58" s="17"/>
      <c r="I58" s="13">
        <v>156</v>
      </c>
      <c r="J58" s="19">
        <v>38</v>
      </c>
      <c r="K58" s="19">
        <v>118</v>
      </c>
    </row>
    <row r="59" spans="1:11" ht="20.100000000000001" customHeight="1">
      <c r="A59" s="17" t="s">
        <v>115</v>
      </c>
      <c r="B59" s="17"/>
      <c r="C59" s="13">
        <v>11696</v>
      </c>
      <c r="D59" s="14">
        <v>6011</v>
      </c>
      <c r="E59" s="14">
        <v>5685</v>
      </c>
      <c r="F59" s="14"/>
      <c r="G59" s="18" t="s">
        <v>116</v>
      </c>
      <c r="H59" s="17"/>
      <c r="I59" s="13">
        <v>306</v>
      </c>
      <c r="J59" s="14">
        <v>52</v>
      </c>
      <c r="K59" s="14">
        <v>254</v>
      </c>
    </row>
    <row r="60" spans="1:11" ht="15" customHeight="1">
      <c r="A60" s="17" t="s">
        <v>117</v>
      </c>
      <c r="B60" s="17"/>
      <c r="C60" s="13">
        <v>2119</v>
      </c>
      <c r="D60" s="19">
        <v>1073</v>
      </c>
      <c r="E60" s="19">
        <v>1046</v>
      </c>
      <c r="F60" s="19"/>
      <c r="G60" s="18" t="s">
        <v>118</v>
      </c>
      <c r="H60" s="17"/>
      <c r="I60" s="13">
        <v>115</v>
      </c>
      <c r="J60" s="19">
        <v>23</v>
      </c>
      <c r="K60" s="19">
        <v>92</v>
      </c>
    </row>
    <row r="61" spans="1:11" ht="15" customHeight="1">
      <c r="A61" s="17" t="s">
        <v>119</v>
      </c>
      <c r="B61" s="17"/>
      <c r="C61" s="13">
        <v>2318</v>
      </c>
      <c r="D61" s="19">
        <v>1206</v>
      </c>
      <c r="E61" s="19">
        <v>1112</v>
      </c>
      <c r="F61" s="19"/>
      <c r="G61" s="18" t="s">
        <v>120</v>
      </c>
      <c r="H61" s="17"/>
      <c r="I61" s="13">
        <v>75</v>
      </c>
      <c r="J61" s="19">
        <v>15</v>
      </c>
      <c r="K61" s="19">
        <v>60</v>
      </c>
    </row>
    <row r="62" spans="1:11" ht="15" customHeight="1">
      <c r="A62" s="17" t="s">
        <v>121</v>
      </c>
      <c r="B62" s="17"/>
      <c r="C62" s="13">
        <v>2511</v>
      </c>
      <c r="D62" s="19">
        <v>1301</v>
      </c>
      <c r="E62" s="19">
        <v>1210</v>
      </c>
      <c r="F62" s="19"/>
      <c r="G62" s="18" t="s">
        <v>122</v>
      </c>
      <c r="H62" s="17"/>
      <c r="I62" s="13">
        <v>51</v>
      </c>
      <c r="J62" s="19">
        <v>8</v>
      </c>
      <c r="K62" s="19">
        <v>43</v>
      </c>
    </row>
    <row r="63" spans="1:11" ht="15" customHeight="1">
      <c r="A63" s="17" t="s">
        <v>123</v>
      </c>
      <c r="B63" s="17"/>
      <c r="C63" s="13">
        <v>2321</v>
      </c>
      <c r="D63" s="19">
        <v>1205</v>
      </c>
      <c r="E63" s="19">
        <v>1116</v>
      </c>
      <c r="F63" s="19"/>
      <c r="G63" s="18" t="s">
        <v>124</v>
      </c>
      <c r="H63" s="17"/>
      <c r="I63" s="13">
        <v>40</v>
      </c>
      <c r="J63" s="19">
        <v>5</v>
      </c>
      <c r="K63" s="19">
        <v>35</v>
      </c>
    </row>
    <row r="64" spans="1:11" ht="15" customHeight="1">
      <c r="A64" s="17" t="s">
        <v>125</v>
      </c>
      <c r="B64" s="17"/>
      <c r="C64" s="13">
        <v>2427</v>
      </c>
      <c r="D64" s="19">
        <v>1226</v>
      </c>
      <c r="E64" s="19">
        <v>1201</v>
      </c>
      <c r="F64" s="19"/>
      <c r="G64" s="18" t="s">
        <v>126</v>
      </c>
      <c r="H64" s="17"/>
      <c r="I64" s="13">
        <v>25</v>
      </c>
      <c r="J64" s="19">
        <v>1</v>
      </c>
      <c r="K64" s="19">
        <v>2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8</v>
      </c>
      <c r="J65" s="19">
        <v>2</v>
      </c>
      <c r="K65" s="19">
        <v>3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052</v>
      </c>
      <c r="J66" s="29">
        <v>1190</v>
      </c>
      <c r="K66" s="29">
        <v>86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32395</v>
      </c>
      <c r="D4" s="14">
        <v>66036</v>
      </c>
      <c r="E4" s="14">
        <v>6635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598</v>
      </c>
      <c r="D5" s="14">
        <v>2373</v>
      </c>
      <c r="E5" s="14">
        <v>2225</v>
      </c>
      <c r="F5" s="14"/>
      <c r="G5" s="18" t="s">
        <v>8</v>
      </c>
      <c r="H5" s="17"/>
      <c r="I5" s="13">
        <v>10511</v>
      </c>
      <c r="J5" s="14">
        <v>5435</v>
      </c>
      <c r="K5" s="14">
        <v>5076</v>
      </c>
    </row>
    <row r="6" spans="1:11" ht="15" customHeight="1">
      <c r="A6" s="17" t="s">
        <v>9</v>
      </c>
      <c r="B6" s="17"/>
      <c r="C6" s="13">
        <v>839</v>
      </c>
      <c r="D6" s="19">
        <v>444</v>
      </c>
      <c r="E6" s="19">
        <v>395</v>
      </c>
      <c r="F6" s="19"/>
      <c r="G6" s="18" t="s">
        <v>10</v>
      </c>
      <c r="H6" s="17"/>
      <c r="I6" s="13">
        <v>2305</v>
      </c>
      <c r="J6" s="19">
        <v>1173</v>
      </c>
      <c r="K6" s="19">
        <v>1132</v>
      </c>
    </row>
    <row r="7" spans="1:11" ht="15" customHeight="1">
      <c r="A7" s="17" t="s">
        <v>11</v>
      </c>
      <c r="B7" s="17"/>
      <c r="C7" s="13">
        <v>889</v>
      </c>
      <c r="D7" s="19">
        <v>455</v>
      </c>
      <c r="E7" s="19">
        <v>434</v>
      </c>
      <c r="F7" s="19"/>
      <c r="G7" s="18" t="s">
        <v>12</v>
      </c>
      <c r="H7" s="17"/>
      <c r="I7" s="13">
        <v>2102</v>
      </c>
      <c r="J7" s="19">
        <v>1107</v>
      </c>
      <c r="K7" s="19">
        <v>995</v>
      </c>
    </row>
    <row r="8" spans="1:11" ht="15" customHeight="1">
      <c r="A8" s="17" t="s">
        <v>13</v>
      </c>
      <c r="B8" s="17"/>
      <c r="C8" s="13">
        <v>952</v>
      </c>
      <c r="D8" s="19">
        <v>482</v>
      </c>
      <c r="E8" s="19">
        <v>470</v>
      </c>
      <c r="F8" s="19"/>
      <c r="G8" s="18" t="s">
        <v>14</v>
      </c>
      <c r="H8" s="17"/>
      <c r="I8" s="13">
        <v>2117</v>
      </c>
      <c r="J8" s="19">
        <v>1121</v>
      </c>
      <c r="K8" s="19">
        <v>996</v>
      </c>
    </row>
    <row r="9" spans="1:11" ht="15" customHeight="1">
      <c r="A9" s="17" t="s">
        <v>15</v>
      </c>
      <c r="B9" s="17"/>
      <c r="C9" s="13">
        <v>984</v>
      </c>
      <c r="D9" s="19">
        <v>498</v>
      </c>
      <c r="E9" s="19">
        <v>486</v>
      </c>
      <c r="F9" s="19"/>
      <c r="G9" s="18" t="s">
        <v>16</v>
      </c>
      <c r="H9" s="17"/>
      <c r="I9" s="13">
        <v>2307</v>
      </c>
      <c r="J9" s="19">
        <v>1203</v>
      </c>
      <c r="K9" s="19">
        <v>1104</v>
      </c>
    </row>
    <row r="10" spans="1:11" ht="15" customHeight="1">
      <c r="A10" s="17" t="s">
        <v>17</v>
      </c>
      <c r="B10" s="17"/>
      <c r="C10" s="13">
        <v>934</v>
      </c>
      <c r="D10" s="19">
        <v>494</v>
      </c>
      <c r="E10" s="19">
        <v>440</v>
      </c>
      <c r="F10" s="19"/>
      <c r="G10" s="18" t="s">
        <v>18</v>
      </c>
      <c r="H10" s="17"/>
      <c r="I10" s="13">
        <v>1680</v>
      </c>
      <c r="J10" s="19">
        <v>831</v>
      </c>
      <c r="K10" s="19">
        <v>849</v>
      </c>
    </row>
    <row r="11" spans="1:11" ht="20.100000000000001" customHeight="1">
      <c r="A11" s="17" t="s">
        <v>19</v>
      </c>
      <c r="B11" s="17"/>
      <c r="C11" s="13">
        <v>5028</v>
      </c>
      <c r="D11" s="14">
        <v>2495</v>
      </c>
      <c r="E11" s="14">
        <v>2533</v>
      </c>
      <c r="F11" s="14"/>
      <c r="G11" s="18" t="s">
        <v>20</v>
      </c>
      <c r="H11" s="17"/>
      <c r="I11" s="13">
        <v>8881</v>
      </c>
      <c r="J11" s="14">
        <v>4565</v>
      </c>
      <c r="K11" s="14">
        <v>4316</v>
      </c>
    </row>
    <row r="12" spans="1:11" ht="15" customHeight="1">
      <c r="A12" s="17" t="s">
        <v>21</v>
      </c>
      <c r="B12" s="17"/>
      <c r="C12" s="13">
        <v>993</v>
      </c>
      <c r="D12" s="19">
        <v>494</v>
      </c>
      <c r="E12" s="19">
        <v>499</v>
      </c>
      <c r="F12" s="19"/>
      <c r="G12" s="18" t="s">
        <v>22</v>
      </c>
      <c r="H12" s="17"/>
      <c r="I12" s="13">
        <v>2033</v>
      </c>
      <c r="J12" s="19">
        <v>1039</v>
      </c>
      <c r="K12" s="19">
        <v>994</v>
      </c>
    </row>
    <row r="13" spans="1:11" ht="15" customHeight="1">
      <c r="A13" s="17" t="s">
        <v>23</v>
      </c>
      <c r="B13" s="17"/>
      <c r="C13" s="13">
        <v>962</v>
      </c>
      <c r="D13" s="19">
        <v>452</v>
      </c>
      <c r="E13" s="19">
        <v>510</v>
      </c>
      <c r="F13" s="19"/>
      <c r="G13" s="18" t="s">
        <v>24</v>
      </c>
      <c r="H13" s="17"/>
      <c r="I13" s="13">
        <v>1873</v>
      </c>
      <c r="J13" s="19">
        <v>977</v>
      </c>
      <c r="K13" s="19">
        <v>896</v>
      </c>
    </row>
    <row r="14" spans="1:11" ht="15" customHeight="1">
      <c r="A14" s="17" t="s">
        <v>25</v>
      </c>
      <c r="B14" s="17"/>
      <c r="C14" s="13">
        <v>1014</v>
      </c>
      <c r="D14" s="19">
        <v>511</v>
      </c>
      <c r="E14" s="19">
        <v>503</v>
      </c>
      <c r="F14" s="19"/>
      <c r="G14" s="18" t="s">
        <v>26</v>
      </c>
      <c r="H14" s="17"/>
      <c r="I14" s="13">
        <v>1736</v>
      </c>
      <c r="J14" s="19">
        <v>905</v>
      </c>
      <c r="K14" s="19">
        <v>831</v>
      </c>
    </row>
    <row r="15" spans="1:11" ht="15" customHeight="1">
      <c r="A15" s="17" t="s">
        <v>27</v>
      </c>
      <c r="B15" s="17"/>
      <c r="C15" s="13">
        <v>983</v>
      </c>
      <c r="D15" s="19">
        <v>509</v>
      </c>
      <c r="E15" s="19">
        <v>474</v>
      </c>
      <c r="F15" s="19"/>
      <c r="G15" s="18" t="s">
        <v>28</v>
      </c>
      <c r="H15" s="17"/>
      <c r="I15" s="13">
        <v>1604</v>
      </c>
      <c r="J15" s="19">
        <v>828</v>
      </c>
      <c r="K15" s="19">
        <v>776</v>
      </c>
    </row>
    <row r="16" spans="1:11" ht="15" customHeight="1">
      <c r="A16" s="17" t="s">
        <v>29</v>
      </c>
      <c r="B16" s="17"/>
      <c r="C16" s="13">
        <v>1076</v>
      </c>
      <c r="D16" s="19">
        <v>529</v>
      </c>
      <c r="E16" s="19">
        <v>547</v>
      </c>
      <c r="F16" s="19"/>
      <c r="G16" s="18" t="s">
        <v>30</v>
      </c>
      <c r="H16" s="17"/>
      <c r="I16" s="13">
        <v>1635</v>
      </c>
      <c r="J16" s="19">
        <v>816</v>
      </c>
      <c r="K16" s="19">
        <v>819</v>
      </c>
    </row>
    <row r="17" spans="1:11" ht="20.100000000000001" customHeight="1">
      <c r="A17" s="20" t="s">
        <v>31</v>
      </c>
      <c r="B17" s="20"/>
      <c r="C17" s="13">
        <v>5329</v>
      </c>
      <c r="D17" s="14">
        <v>2727</v>
      </c>
      <c r="E17" s="14">
        <v>2602</v>
      </c>
      <c r="F17" s="14"/>
      <c r="G17" s="18" t="s">
        <v>32</v>
      </c>
      <c r="H17" s="17"/>
      <c r="I17" s="13">
        <v>7164</v>
      </c>
      <c r="J17" s="14">
        <v>3642</v>
      </c>
      <c r="K17" s="14">
        <v>3522</v>
      </c>
    </row>
    <row r="18" spans="1:11" ht="15" customHeight="1">
      <c r="A18" s="17" t="s">
        <v>33</v>
      </c>
      <c r="B18" s="17"/>
      <c r="C18" s="13">
        <v>1025</v>
      </c>
      <c r="D18" s="19">
        <v>516</v>
      </c>
      <c r="E18" s="19">
        <v>509</v>
      </c>
      <c r="F18" s="19"/>
      <c r="G18" s="18" t="s">
        <v>34</v>
      </c>
      <c r="H18" s="17"/>
      <c r="I18" s="13">
        <v>1537</v>
      </c>
      <c r="J18" s="19">
        <v>797</v>
      </c>
      <c r="K18" s="19">
        <v>740</v>
      </c>
    </row>
    <row r="19" spans="1:11" ht="15" customHeight="1">
      <c r="A19" s="17" t="s">
        <v>35</v>
      </c>
      <c r="B19" s="17"/>
      <c r="C19" s="13">
        <v>1049</v>
      </c>
      <c r="D19" s="19">
        <v>554</v>
      </c>
      <c r="E19" s="19">
        <v>495</v>
      </c>
      <c r="F19" s="19"/>
      <c r="G19" s="18" t="s">
        <v>36</v>
      </c>
      <c r="H19" s="17"/>
      <c r="I19" s="13">
        <v>1498</v>
      </c>
      <c r="J19" s="19">
        <v>796</v>
      </c>
      <c r="K19" s="19">
        <v>702</v>
      </c>
    </row>
    <row r="20" spans="1:11" ht="15" customHeight="1">
      <c r="A20" s="17" t="s">
        <v>37</v>
      </c>
      <c r="B20" s="17"/>
      <c r="C20" s="13">
        <v>1086</v>
      </c>
      <c r="D20" s="19">
        <v>555</v>
      </c>
      <c r="E20" s="19">
        <v>531</v>
      </c>
      <c r="F20" s="19"/>
      <c r="G20" s="18" t="s">
        <v>38</v>
      </c>
      <c r="H20" s="17"/>
      <c r="I20" s="13">
        <v>1509</v>
      </c>
      <c r="J20" s="19">
        <v>752</v>
      </c>
      <c r="K20" s="19">
        <v>757</v>
      </c>
    </row>
    <row r="21" spans="1:11" ht="15" customHeight="1">
      <c r="A21" s="17" t="s">
        <v>39</v>
      </c>
      <c r="B21" s="17"/>
      <c r="C21" s="13">
        <v>1078</v>
      </c>
      <c r="D21" s="19">
        <v>552</v>
      </c>
      <c r="E21" s="19">
        <v>526</v>
      </c>
      <c r="F21" s="19"/>
      <c r="G21" s="18" t="s">
        <v>40</v>
      </c>
      <c r="H21" s="17"/>
      <c r="I21" s="13">
        <v>1342</v>
      </c>
      <c r="J21" s="19">
        <v>682</v>
      </c>
      <c r="K21" s="19">
        <v>660</v>
      </c>
    </row>
    <row r="22" spans="1:11" ht="15" customHeight="1">
      <c r="A22" s="17" t="s">
        <v>41</v>
      </c>
      <c r="B22" s="17"/>
      <c r="C22" s="13">
        <v>1091</v>
      </c>
      <c r="D22" s="19">
        <v>550</v>
      </c>
      <c r="E22" s="19">
        <v>541</v>
      </c>
      <c r="F22" s="19"/>
      <c r="G22" s="18" t="s">
        <v>42</v>
      </c>
      <c r="H22" s="17"/>
      <c r="I22" s="13">
        <v>1278</v>
      </c>
      <c r="J22" s="19">
        <v>615</v>
      </c>
      <c r="K22" s="19">
        <v>663</v>
      </c>
    </row>
    <row r="23" spans="1:11" ht="20.100000000000001" customHeight="1">
      <c r="A23" s="17" t="s">
        <v>43</v>
      </c>
      <c r="B23" s="17"/>
      <c r="C23" s="13">
        <v>5504</v>
      </c>
      <c r="D23" s="14">
        <v>2890</v>
      </c>
      <c r="E23" s="14">
        <v>2614</v>
      </c>
      <c r="F23" s="14"/>
      <c r="G23" s="18" t="s">
        <v>44</v>
      </c>
      <c r="H23" s="17"/>
      <c r="I23" s="13">
        <v>7610</v>
      </c>
      <c r="J23" s="14">
        <v>3783</v>
      </c>
      <c r="K23" s="14">
        <v>3827</v>
      </c>
    </row>
    <row r="24" spans="1:11" ht="15" customHeight="1">
      <c r="A24" s="17" t="s">
        <v>45</v>
      </c>
      <c r="B24" s="17"/>
      <c r="C24" s="13">
        <v>1048</v>
      </c>
      <c r="D24" s="19">
        <v>559</v>
      </c>
      <c r="E24" s="19">
        <v>489</v>
      </c>
      <c r="F24" s="19"/>
      <c r="G24" s="18" t="s">
        <v>46</v>
      </c>
      <c r="H24" s="17"/>
      <c r="I24" s="13">
        <v>1465</v>
      </c>
      <c r="J24" s="19">
        <v>764</v>
      </c>
      <c r="K24" s="19">
        <v>701</v>
      </c>
    </row>
    <row r="25" spans="1:11" ht="15" customHeight="1">
      <c r="A25" s="17" t="s">
        <v>47</v>
      </c>
      <c r="B25" s="17"/>
      <c r="C25" s="13">
        <v>1068</v>
      </c>
      <c r="D25" s="19">
        <v>582</v>
      </c>
      <c r="E25" s="19">
        <v>486</v>
      </c>
      <c r="F25" s="19"/>
      <c r="G25" s="18" t="s">
        <v>48</v>
      </c>
      <c r="H25" s="17"/>
      <c r="I25" s="13">
        <v>1442</v>
      </c>
      <c r="J25" s="19">
        <v>759</v>
      </c>
      <c r="K25" s="19">
        <v>683</v>
      </c>
    </row>
    <row r="26" spans="1:11" ht="15" customHeight="1">
      <c r="A26" s="17" t="s">
        <v>49</v>
      </c>
      <c r="B26" s="17"/>
      <c r="C26" s="13">
        <v>1058</v>
      </c>
      <c r="D26" s="19">
        <v>545</v>
      </c>
      <c r="E26" s="19">
        <v>513</v>
      </c>
      <c r="F26" s="19"/>
      <c r="G26" s="18" t="s">
        <v>50</v>
      </c>
      <c r="H26" s="17"/>
      <c r="I26" s="13">
        <v>1458</v>
      </c>
      <c r="J26" s="19">
        <v>696</v>
      </c>
      <c r="K26" s="19">
        <v>762</v>
      </c>
    </row>
    <row r="27" spans="1:11" ht="15" customHeight="1">
      <c r="A27" s="17" t="s">
        <v>51</v>
      </c>
      <c r="B27" s="17"/>
      <c r="C27" s="13">
        <v>1135</v>
      </c>
      <c r="D27" s="19">
        <v>594</v>
      </c>
      <c r="E27" s="19">
        <v>541</v>
      </c>
      <c r="F27" s="19"/>
      <c r="G27" s="18" t="s">
        <v>52</v>
      </c>
      <c r="H27" s="17"/>
      <c r="I27" s="13">
        <v>1636</v>
      </c>
      <c r="J27" s="19">
        <v>792</v>
      </c>
      <c r="K27" s="19">
        <v>844</v>
      </c>
    </row>
    <row r="28" spans="1:11" ht="15" customHeight="1">
      <c r="A28" s="17" t="s">
        <v>53</v>
      </c>
      <c r="B28" s="17"/>
      <c r="C28" s="13">
        <v>1195</v>
      </c>
      <c r="D28" s="19">
        <v>610</v>
      </c>
      <c r="E28" s="19">
        <v>585</v>
      </c>
      <c r="F28" s="19"/>
      <c r="G28" s="18" t="s">
        <v>54</v>
      </c>
      <c r="H28" s="17"/>
      <c r="I28" s="13">
        <v>1609</v>
      </c>
      <c r="J28" s="19">
        <v>772</v>
      </c>
      <c r="K28" s="19">
        <v>837</v>
      </c>
    </row>
    <row r="29" spans="1:11" ht="20.100000000000001" customHeight="1">
      <c r="A29" s="17" t="s">
        <v>55</v>
      </c>
      <c r="B29" s="17"/>
      <c r="C29" s="13">
        <v>6784</v>
      </c>
      <c r="D29" s="14">
        <v>3535</v>
      </c>
      <c r="E29" s="14">
        <v>3249</v>
      </c>
      <c r="F29" s="14"/>
      <c r="G29" s="18" t="s">
        <v>56</v>
      </c>
      <c r="H29" s="17"/>
      <c r="I29" s="13">
        <v>9187</v>
      </c>
      <c r="J29" s="14">
        <v>4330</v>
      </c>
      <c r="K29" s="14">
        <v>4857</v>
      </c>
    </row>
    <row r="30" spans="1:11" ht="15" customHeight="1">
      <c r="A30" s="17" t="s">
        <v>57</v>
      </c>
      <c r="B30" s="17"/>
      <c r="C30" s="13">
        <v>1312</v>
      </c>
      <c r="D30" s="19">
        <v>664</v>
      </c>
      <c r="E30" s="19">
        <v>648</v>
      </c>
      <c r="F30" s="19"/>
      <c r="G30" s="18" t="s">
        <v>58</v>
      </c>
      <c r="H30" s="17"/>
      <c r="I30" s="13">
        <v>1822</v>
      </c>
      <c r="J30" s="19">
        <v>889</v>
      </c>
      <c r="K30" s="19">
        <v>933</v>
      </c>
    </row>
    <row r="31" spans="1:11" ht="15" customHeight="1">
      <c r="A31" s="17" t="s">
        <v>59</v>
      </c>
      <c r="B31" s="17"/>
      <c r="C31" s="13">
        <v>1348</v>
      </c>
      <c r="D31" s="19">
        <v>714</v>
      </c>
      <c r="E31" s="19">
        <v>634</v>
      </c>
      <c r="F31" s="19"/>
      <c r="G31" s="18" t="s">
        <v>60</v>
      </c>
      <c r="H31" s="17"/>
      <c r="I31" s="13">
        <v>2038</v>
      </c>
      <c r="J31" s="19">
        <v>952</v>
      </c>
      <c r="K31" s="19">
        <v>1086</v>
      </c>
    </row>
    <row r="32" spans="1:11" ht="15" customHeight="1">
      <c r="A32" s="17" t="s">
        <v>61</v>
      </c>
      <c r="B32" s="17"/>
      <c r="C32" s="13">
        <v>1349</v>
      </c>
      <c r="D32" s="19">
        <v>691</v>
      </c>
      <c r="E32" s="19">
        <v>658</v>
      </c>
      <c r="F32" s="19"/>
      <c r="G32" s="18" t="s">
        <v>62</v>
      </c>
      <c r="H32" s="17"/>
      <c r="I32" s="13">
        <v>2004</v>
      </c>
      <c r="J32" s="19">
        <v>917</v>
      </c>
      <c r="K32" s="19">
        <v>1087</v>
      </c>
    </row>
    <row r="33" spans="1:11" ht="15" customHeight="1">
      <c r="A33" s="17" t="s">
        <v>63</v>
      </c>
      <c r="B33" s="17"/>
      <c r="C33" s="13">
        <v>1419</v>
      </c>
      <c r="D33" s="19">
        <v>770</v>
      </c>
      <c r="E33" s="19">
        <v>649</v>
      </c>
      <c r="F33" s="19"/>
      <c r="G33" s="18" t="s">
        <v>64</v>
      </c>
      <c r="H33" s="17"/>
      <c r="I33" s="13">
        <v>1936</v>
      </c>
      <c r="J33" s="19">
        <v>888</v>
      </c>
      <c r="K33" s="19">
        <v>1048</v>
      </c>
    </row>
    <row r="34" spans="1:11" ht="15" customHeight="1">
      <c r="A34" s="17" t="s">
        <v>65</v>
      </c>
      <c r="B34" s="17"/>
      <c r="C34" s="13">
        <v>1356</v>
      </c>
      <c r="D34" s="19">
        <v>696</v>
      </c>
      <c r="E34" s="19">
        <v>660</v>
      </c>
      <c r="F34" s="19"/>
      <c r="G34" s="18" t="s">
        <v>66</v>
      </c>
      <c r="H34" s="17"/>
      <c r="I34" s="13">
        <v>1387</v>
      </c>
      <c r="J34" s="19">
        <v>684</v>
      </c>
      <c r="K34" s="19">
        <v>703</v>
      </c>
    </row>
    <row r="35" spans="1:11" ht="20.100000000000001" customHeight="1">
      <c r="A35" s="17" t="s">
        <v>67</v>
      </c>
      <c r="B35" s="17"/>
      <c r="C35" s="13">
        <v>6534</v>
      </c>
      <c r="D35" s="14">
        <v>3349</v>
      </c>
      <c r="E35" s="14">
        <v>3185</v>
      </c>
      <c r="F35" s="14"/>
      <c r="G35" s="18" t="s">
        <v>68</v>
      </c>
      <c r="H35" s="17"/>
      <c r="I35" s="13">
        <v>7281</v>
      </c>
      <c r="J35" s="14">
        <v>3241</v>
      </c>
      <c r="K35" s="14">
        <v>4040</v>
      </c>
    </row>
    <row r="36" spans="1:11" ht="15" customHeight="1">
      <c r="A36" s="17" t="s">
        <v>69</v>
      </c>
      <c r="B36" s="17"/>
      <c r="C36" s="13">
        <v>1305</v>
      </c>
      <c r="D36" s="19">
        <v>669</v>
      </c>
      <c r="E36" s="19">
        <v>636</v>
      </c>
      <c r="F36" s="19"/>
      <c r="G36" s="18" t="s">
        <v>70</v>
      </c>
      <c r="H36" s="17"/>
      <c r="I36" s="13">
        <v>1186</v>
      </c>
      <c r="J36" s="19">
        <v>523</v>
      </c>
      <c r="K36" s="19">
        <v>663</v>
      </c>
    </row>
    <row r="37" spans="1:11" ht="15" customHeight="1">
      <c r="A37" s="17" t="s">
        <v>71</v>
      </c>
      <c r="B37" s="17"/>
      <c r="C37" s="13">
        <v>1334</v>
      </c>
      <c r="D37" s="19">
        <v>684</v>
      </c>
      <c r="E37" s="19">
        <v>650</v>
      </c>
      <c r="F37" s="19"/>
      <c r="G37" s="18" t="s">
        <v>72</v>
      </c>
      <c r="H37" s="17"/>
      <c r="I37" s="13">
        <v>1516</v>
      </c>
      <c r="J37" s="19">
        <v>685</v>
      </c>
      <c r="K37" s="19">
        <v>831</v>
      </c>
    </row>
    <row r="38" spans="1:11" ht="15" customHeight="1">
      <c r="A38" s="17" t="s">
        <v>73</v>
      </c>
      <c r="B38" s="17"/>
      <c r="C38" s="13">
        <v>1311</v>
      </c>
      <c r="D38" s="19">
        <v>669</v>
      </c>
      <c r="E38" s="19">
        <v>642</v>
      </c>
      <c r="F38" s="19"/>
      <c r="G38" s="18" t="s">
        <v>74</v>
      </c>
      <c r="H38" s="17"/>
      <c r="I38" s="13">
        <v>1624</v>
      </c>
      <c r="J38" s="19">
        <v>738</v>
      </c>
      <c r="K38" s="19">
        <v>886</v>
      </c>
    </row>
    <row r="39" spans="1:11" ht="15" customHeight="1">
      <c r="A39" s="17" t="s">
        <v>75</v>
      </c>
      <c r="B39" s="17"/>
      <c r="C39" s="13">
        <v>1274</v>
      </c>
      <c r="D39" s="19">
        <v>638</v>
      </c>
      <c r="E39" s="19">
        <v>636</v>
      </c>
      <c r="F39" s="19"/>
      <c r="G39" s="18" t="s">
        <v>76</v>
      </c>
      <c r="H39" s="17"/>
      <c r="I39" s="13">
        <v>1517</v>
      </c>
      <c r="J39" s="19">
        <v>675</v>
      </c>
      <c r="K39" s="19">
        <v>842</v>
      </c>
    </row>
    <row r="40" spans="1:11" ht="15" customHeight="1">
      <c r="A40" s="17" t="s">
        <v>77</v>
      </c>
      <c r="B40" s="17"/>
      <c r="C40" s="13">
        <v>1310</v>
      </c>
      <c r="D40" s="19">
        <v>689</v>
      </c>
      <c r="E40" s="19">
        <v>621</v>
      </c>
      <c r="F40" s="19"/>
      <c r="G40" s="18" t="s">
        <v>78</v>
      </c>
      <c r="H40" s="17"/>
      <c r="I40" s="13">
        <v>1438</v>
      </c>
      <c r="J40" s="19">
        <v>620</v>
      </c>
      <c r="K40" s="19">
        <v>818</v>
      </c>
    </row>
    <row r="41" spans="1:11" ht="20.100000000000001" customHeight="1">
      <c r="A41" s="17" t="s">
        <v>79</v>
      </c>
      <c r="B41" s="17"/>
      <c r="C41" s="13">
        <v>6988</v>
      </c>
      <c r="D41" s="14">
        <v>3689</v>
      </c>
      <c r="E41" s="14">
        <v>3299</v>
      </c>
      <c r="F41" s="14"/>
      <c r="G41" s="18" t="s">
        <v>80</v>
      </c>
      <c r="H41" s="17"/>
      <c r="I41" s="13">
        <v>5314</v>
      </c>
      <c r="J41" s="14">
        <v>2377</v>
      </c>
      <c r="K41" s="14">
        <v>2937</v>
      </c>
    </row>
    <row r="42" spans="1:11" ht="15" customHeight="1">
      <c r="A42" s="17" t="s">
        <v>81</v>
      </c>
      <c r="B42" s="17"/>
      <c r="C42" s="13">
        <v>1355</v>
      </c>
      <c r="D42" s="19">
        <v>703</v>
      </c>
      <c r="E42" s="19">
        <v>652</v>
      </c>
      <c r="F42" s="19"/>
      <c r="G42" s="18" t="s">
        <v>82</v>
      </c>
      <c r="H42" s="17"/>
      <c r="I42" s="13">
        <v>1341</v>
      </c>
      <c r="J42" s="19">
        <v>609</v>
      </c>
      <c r="K42" s="19">
        <v>732</v>
      </c>
    </row>
    <row r="43" spans="1:11" ht="15" customHeight="1">
      <c r="A43" s="17" t="s">
        <v>83</v>
      </c>
      <c r="B43" s="17"/>
      <c r="C43" s="13">
        <v>1302</v>
      </c>
      <c r="D43" s="19">
        <v>717</v>
      </c>
      <c r="E43" s="19">
        <v>585</v>
      </c>
      <c r="F43" s="19"/>
      <c r="G43" s="18" t="s">
        <v>84</v>
      </c>
      <c r="H43" s="17"/>
      <c r="I43" s="13">
        <v>1083</v>
      </c>
      <c r="J43" s="19">
        <v>490</v>
      </c>
      <c r="K43" s="19">
        <v>593</v>
      </c>
    </row>
    <row r="44" spans="1:11" ht="15" customHeight="1">
      <c r="A44" s="17" t="s">
        <v>85</v>
      </c>
      <c r="B44" s="17"/>
      <c r="C44" s="13">
        <v>1447</v>
      </c>
      <c r="D44" s="19">
        <v>726</v>
      </c>
      <c r="E44" s="19">
        <v>721</v>
      </c>
      <c r="F44" s="19"/>
      <c r="G44" s="18" t="s">
        <v>86</v>
      </c>
      <c r="H44" s="17"/>
      <c r="I44" s="13">
        <v>974</v>
      </c>
      <c r="J44" s="19">
        <v>432</v>
      </c>
      <c r="K44" s="19">
        <v>542</v>
      </c>
    </row>
    <row r="45" spans="1:11" ht="15" customHeight="1">
      <c r="A45" s="17" t="s">
        <v>87</v>
      </c>
      <c r="B45" s="17"/>
      <c r="C45" s="13">
        <v>1446</v>
      </c>
      <c r="D45" s="19">
        <v>771</v>
      </c>
      <c r="E45" s="19">
        <v>675</v>
      </c>
      <c r="F45" s="19"/>
      <c r="G45" s="18" t="s">
        <v>88</v>
      </c>
      <c r="H45" s="17"/>
      <c r="I45" s="13">
        <v>1001</v>
      </c>
      <c r="J45" s="19">
        <v>440</v>
      </c>
      <c r="K45" s="19">
        <v>561</v>
      </c>
    </row>
    <row r="46" spans="1:11" ht="15" customHeight="1">
      <c r="A46" s="17" t="s">
        <v>89</v>
      </c>
      <c r="B46" s="17"/>
      <c r="C46" s="13">
        <v>1438</v>
      </c>
      <c r="D46" s="19">
        <v>772</v>
      </c>
      <c r="E46" s="19">
        <v>666</v>
      </c>
      <c r="F46" s="19"/>
      <c r="G46" s="18" t="s">
        <v>90</v>
      </c>
      <c r="H46" s="17"/>
      <c r="I46" s="13">
        <v>915</v>
      </c>
      <c r="J46" s="19">
        <v>406</v>
      </c>
      <c r="K46" s="19">
        <v>509</v>
      </c>
    </row>
    <row r="47" spans="1:11" ht="20.100000000000001" customHeight="1">
      <c r="A47" s="17" t="s">
        <v>91</v>
      </c>
      <c r="B47" s="17"/>
      <c r="C47" s="13">
        <v>7662</v>
      </c>
      <c r="D47" s="14">
        <v>4059</v>
      </c>
      <c r="E47" s="14">
        <v>3603</v>
      </c>
      <c r="F47" s="14"/>
      <c r="G47" s="18" t="s">
        <v>92</v>
      </c>
      <c r="H47" s="17"/>
      <c r="I47" s="13">
        <v>2876</v>
      </c>
      <c r="J47" s="14">
        <v>1114</v>
      </c>
      <c r="K47" s="14">
        <v>1762</v>
      </c>
    </row>
    <row r="48" spans="1:11" ht="15" customHeight="1">
      <c r="A48" s="17" t="s">
        <v>93</v>
      </c>
      <c r="B48" s="17"/>
      <c r="C48" s="13">
        <v>1498</v>
      </c>
      <c r="D48" s="19">
        <v>779</v>
      </c>
      <c r="E48" s="19">
        <v>719</v>
      </c>
      <c r="F48" s="19"/>
      <c r="G48" s="18" t="s">
        <v>94</v>
      </c>
      <c r="H48" s="17"/>
      <c r="I48" s="13">
        <v>802</v>
      </c>
      <c r="J48" s="19">
        <v>350</v>
      </c>
      <c r="K48" s="19">
        <v>452</v>
      </c>
    </row>
    <row r="49" spans="1:11" ht="15" customHeight="1">
      <c r="A49" s="17" t="s">
        <v>95</v>
      </c>
      <c r="B49" s="17"/>
      <c r="C49" s="13">
        <v>1448</v>
      </c>
      <c r="D49" s="19">
        <v>762</v>
      </c>
      <c r="E49" s="19">
        <v>686</v>
      </c>
      <c r="F49" s="19"/>
      <c r="G49" s="18" t="s">
        <v>96</v>
      </c>
      <c r="H49" s="17"/>
      <c r="I49" s="13">
        <v>662</v>
      </c>
      <c r="J49" s="19">
        <v>266</v>
      </c>
      <c r="K49" s="19">
        <v>396</v>
      </c>
    </row>
    <row r="50" spans="1:11" ht="15" customHeight="1">
      <c r="A50" s="17" t="s">
        <v>97</v>
      </c>
      <c r="B50" s="17"/>
      <c r="C50" s="13">
        <v>1535</v>
      </c>
      <c r="D50" s="19">
        <v>819</v>
      </c>
      <c r="E50" s="19">
        <v>716</v>
      </c>
      <c r="F50" s="19"/>
      <c r="G50" s="18" t="s">
        <v>98</v>
      </c>
      <c r="H50" s="17"/>
      <c r="I50" s="13">
        <v>549</v>
      </c>
      <c r="J50" s="19">
        <v>217</v>
      </c>
      <c r="K50" s="19">
        <v>332</v>
      </c>
    </row>
    <row r="51" spans="1:11" ht="15" customHeight="1">
      <c r="A51" s="17" t="s">
        <v>99</v>
      </c>
      <c r="B51" s="17"/>
      <c r="C51" s="13">
        <v>1582</v>
      </c>
      <c r="D51" s="19">
        <v>836</v>
      </c>
      <c r="E51" s="19">
        <v>746</v>
      </c>
      <c r="F51" s="19"/>
      <c r="G51" s="18" t="s">
        <v>100</v>
      </c>
      <c r="H51" s="17"/>
      <c r="I51" s="13">
        <v>459</v>
      </c>
      <c r="J51" s="19">
        <v>149</v>
      </c>
      <c r="K51" s="19">
        <v>310</v>
      </c>
    </row>
    <row r="52" spans="1:11" ht="15" customHeight="1">
      <c r="A52" s="17" t="s">
        <v>101</v>
      </c>
      <c r="B52" s="17"/>
      <c r="C52" s="13">
        <v>1599</v>
      </c>
      <c r="D52" s="19">
        <v>863</v>
      </c>
      <c r="E52" s="19">
        <v>736</v>
      </c>
      <c r="F52" s="19"/>
      <c r="G52" s="18" t="s">
        <v>102</v>
      </c>
      <c r="H52" s="17"/>
      <c r="I52" s="13">
        <v>404</v>
      </c>
      <c r="J52" s="19">
        <v>132</v>
      </c>
      <c r="K52" s="19">
        <v>272</v>
      </c>
    </row>
    <row r="53" spans="1:11" ht="20.100000000000001" customHeight="1">
      <c r="A53" s="17" t="s">
        <v>103</v>
      </c>
      <c r="B53" s="17"/>
      <c r="C53" s="13">
        <v>9094</v>
      </c>
      <c r="D53" s="14">
        <v>4693</v>
      </c>
      <c r="E53" s="14">
        <v>4401</v>
      </c>
      <c r="F53" s="14"/>
      <c r="G53" s="18" t="s">
        <v>104</v>
      </c>
      <c r="H53" s="17"/>
      <c r="I53" s="13">
        <v>1148</v>
      </c>
      <c r="J53" s="14">
        <v>327</v>
      </c>
      <c r="K53" s="14">
        <v>821</v>
      </c>
    </row>
    <row r="54" spans="1:11" ht="15" customHeight="1">
      <c r="A54" s="17" t="s">
        <v>105</v>
      </c>
      <c r="B54" s="17"/>
      <c r="C54" s="13">
        <v>1634</v>
      </c>
      <c r="D54" s="19">
        <v>823</v>
      </c>
      <c r="E54" s="19">
        <v>811</v>
      </c>
      <c r="F54" s="19"/>
      <c r="G54" s="18" t="s">
        <v>106</v>
      </c>
      <c r="H54" s="17"/>
      <c r="I54" s="13">
        <v>324</v>
      </c>
      <c r="J54" s="19">
        <v>93</v>
      </c>
      <c r="K54" s="19">
        <v>231</v>
      </c>
    </row>
    <row r="55" spans="1:11" ht="15" customHeight="1">
      <c r="A55" s="17" t="s">
        <v>107</v>
      </c>
      <c r="B55" s="17"/>
      <c r="C55" s="13">
        <v>1749</v>
      </c>
      <c r="D55" s="19">
        <v>933</v>
      </c>
      <c r="E55" s="19">
        <v>816</v>
      </c>
      <c r="F55" s="19"/>
      <c r="G55" s="18" t="s">
        <v>108</v>
      </c>
      <c r="H55" s="17"/>
      <c r="I55" s="13">
        <v>295</v>
      </c>
      <c r="J55" s="19">
        <v>88</v>
      </c>
      <c r="K55" s="19">
        <v>207</v>
      </c>
    </row>
    <row r="56" spans="1:11" ht="15" customHeight="1">
      <c r="A56" s="17" t="s">
        <v>109</v>
      </c>
      <c r="B56" s="17"/>
      <c r="C56" s="13">
        <v>1780</v>
      </c>
      <c r="D56" s="19">
        <v>897</v>
      </c>
      <c r="E56" s="19">
        <v>883</v>
      </c>
      <c r="F56" s="19"/>
      <c r="G56" s="18" t="s">
        <v>110</v>
      </c>
      <c r="H56" s="17"/>
      <c r="I56" s="13">
        <v>228</v>
      </c>
      <c r="J56" s="19">
        <v>65</v>
      </c>
      <c r="K56" s="19">
        <v>163</v>
      </c>
    </row>
    <row r="57" spans="1:11" ht="15" customHeight="1">
      <c r="A57" s="17" t="s">
        <v>111</v>
      </c>
      <c r="B57" s="17"/>
      <c r="C57" s="13">
        <v>1917</v>
      </c>
      <c r="D57" s="19">
        <v>1019</v>
      </c>
      <c r="E57" s="19">
        <v>898</v>
      </c>
      <c r="F57" s="19"/>
      <c r="G57" s="18" t="s">
        <v>112</v>
      </c>
      <c r="H57" s="17"/>
      <c r="I57" s="13">
        <v>190</v>
      </c>
      <c r="J57" s="19">
        <v>46</v>
      </c>
      <c r="K57" s="19">
        <v>144</v>
      </c>
    </row>
    <row r="58" spans="1:11" ht="15" customHeight="1">
      <c r="A58" s="17" t="s">
        <v>113</v>
      </c>
      <c r="B58" s="17"/>
      <c r="C58" s="13">
        <v>2014</v>
      </c>
      <c r="D58" s="19">
        <v>1021</v>
      </c>
      <c r="E58" s="19">
        <v>993</v>
      </c>
      <c r="F58" s="19"/>
      <c r="G58" s="18" t="s">
        <v>114</v>
      </c>
      <c r="H58" s="17"/>
      <c r="I58" s="13">
        <v>111</v>
      </c>
      <c r="J58" s="19">
        <v>35</v>
      </c>
      <c r="K58" s="19">
        <v>76</v>
      </c>
    </row>
    <row r="59" spans="1:11" ht="20.100000000000001" customHeight="1">
      <c r="A59" s="17" t="s">
        <v>115</v>
      </c>
      <c r="B59" s="17"/>
      <c r="C59" s="13">
        <v>11220</v>
      </c>
      <c r="D59" s="14">
        <v>5888</v>
      </c>
      <c r="E59" s="14">
        <v>5332</v>
      </c>
      <c r="F59" s="14"/>
      <c r="G59" s="18" t="s">
        <v>116</v>
      </c>
      <c r="H59" s="17"/>
      <c r="I59" s="13">
        <v>295</v>
      </c>
      <c r="J59" s="14">
        <v>56</v>
      </c>
      <c r="K59" s="14">
        <v>239</v>
      </c>
    </row>
    <row r="60" spans="1:11" ht="15" customHeight="1">
      <c r="A60" s="17" t="s">
        <v>117</v>
      </c>
      <c r="B60" s="17"/>
      <c r="C60" s="13">
        <v>2061</v>
      </c>
      <c r="D60" s="19">
        <v>1089</v>
      </c>
      <c r="E60" s="19">
        <v>972</v>
      </c>
      <c r="F60" s="19"/>
      <c r="G60" s="18" t="s">
        <v>118</v>
      </c>
      <c r="H60" s="17"/>
      <c r="I60" s="13">
        <v>96</v>
      </c>
      <c r="J60" s="19">
        <v>20</v>
      </c>
      <c r="K60" s="19">
        <v>76</v>
      </c>
    </row>
    <row r="61" spans="1:11" ht="15" customHeight="1">
      <c r="A61" s="17" t="s">
        <v>119</v>
      </c>
      <c r="B61" s="17"/>
      <c r="C61" s="13">
        <v>2214</v>
      </c>
      <c r="D61" s="19">
        <v>1155</v>
      </c>
      <c r="E61" s="19">
        <v>1059</v>
      </c>
      <c r="F61" s="19"/>
      <c r="G61" s="18" t="s">
        <v>120</v>
      </c>
      <c r="H61" s="17"/>
      <c r="I61" s="13">
        <v>88</v>
      </c>
      <c r="J61" s="19">
        <v>16</v>
      </c>
      <c r="K61" s="19">
        <v>72</v>
      </c>
    </row>
    <row r="62" spans="1:11" ht="15" customHeight="1">
      <c r="A62" s="17" t="s">
        <v>121</v>
      </c>
      <c r="B62" s="17"/>
      <c r="C62" s="13">
        <v>2305</v>
      </c>
      <c r="D62" s="19">
        <v>1194</v>
      </c>
      <c r="E62" s="19">
        <v>1111</v>
      </c>
      <c r="F62" s="19"/>
      <c r="G62" s="18" t="s">
        <v>122</v>
      </c>
      <c r="H62" s="17"/>
      <c r="I62" s="13">
        <v>56</v>
      </c>
      <c r="J62" s="19">
        <v>8</v>
      </c>
      <c r="K62" s="19">
        <v>48</v>
      </c>
    </row>
    <row r="63" spans="1:11" ht="15" customHeight="1">
      <c r="A63" s="17" t="s">
        <v>123</v>
      </c>
      <c r="B63" s="17"/>
      <c r="C63" s="13">
        <v>2363</v>
      </c>
      <c r="D63" s="19">
        <v>1234</v>
      </c>
      <c r="E63" s="19">
        <v>1129</v>
      </c>
      <c r="F63" s="19"/>
      <c r="G63" s="18" t="s">
        <v>124</v>
      </c>
      <c r="H63" s="17"/>
      <c r="I63" s="13">
        <v>35</v>
      </c>
      <c r="J63" s="19">
        <v>6</v>
      </c>
      <c r="K63" s="19">
        <v>29</v>
      </c>
    </row>
    <row r="64" spans="1:11" ht="15" customHeight="1">
      <c r="A64" s="17" t="s">
        <v>125</v>
      </c>
      <c r="B64" s="17"/>
      <c r="C64" s="13">
        <v>2277</v>
      </c>
      <c r="D64" s="19">
        <v>1216</v>
      </c>
      <c r="E64" s="19">
        <v>1061</v>
      </c>
      <c r="F64" s="19"/>
      <c r="G64" s="18" t="s">
        <v>126</v>
      </c>
      <c r="H64" s="17"/>
      <c r="I64" s="13">
        <v>20</v>
      </c>
      <c r="J64" s="19">
        <v>6</v>
      </c>
      <c r="K64" s="19">
        <v>1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45</v>
      </c>
      <c r="J65" s="19">
        <v>7</v>
      </c>
      <c r="K65" s="19">
        <v>3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342</v>
      </c>
      <c r="J66" s="29">
        <v>1461</v>
      </c>
      <c r="K66" s="29">
        <v>188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83745</v>
      </c>
      <c r="D4" s="14">
        <v>42492</v>
      </c>
      <c r="E4" s="14">
        <v>4125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894</v>
      </c>
      <c r="D5" s="14">
        <v>1536</v>
      </c>
      <c r="E5" s="14">
        <v>1358</v>
      </c>
      <c r="F5" s="14"/>
      <c r="G5" s="18" t="s">
        <v>8</v>
      </c>
      <c r="H5" s="17"/>
      <c r="I5" s="13">
        <v>6282</v>
      </c>
      <c r="J5" s="14">
        <v>3417</v>
      </c>
      <c r="K5" s="14">
        <v>2865</v>
      </c>
    </row>
    <row r="6" spans="1:11" ht="15" customHeight="1">
      <c r="A6" s="17" t="s">
        <v>9</v>
      </c>
      <c r="B6" s="17"/>
      <c r="C6" s="13">
        <v>497</v>
      </c>
      <c r="D6" s="19">
        <v>277</v>
      </c>
      <c r="E6" s="19">
        <v>220</v>
      </c>
      <c r="F6" s="19"/>
      <c r="G6" s="18" t="s">
        <v>10</v>
      </c>
      <c r="H6" s="17"/>
      <c r="I6" s="13">
        <v>1410</v>
      </c>
      <c r="J6" s="19">
        <v>761</v>
      </c>
      <c r="K6" s="19">
        <v>649</v>
      </c>
    </row>
    <row r="7" spans="1:11" ht="15" customHeight="1">
      <c r="A7" s="17" t="s">
        <v>11</v>
      </c>
      <c r="B7" s="17"/>
      <c r="C7" s="13">
        <v>549</v>
      </c>
      <c r="D7" s="19">
        <v>271</v>
      </c>
      <c r="E7" s="19">
        <v>278</v>
      </c>
      <c r="F7" s="19"/>
      <c r="G7" s="18" t="s">
        <v>12</v>
      </c>
      <c r="H7" s="17"/>
      <c r="I7" s="13">
        <v>1316</v>
      </c>
      <c r="J7" s="19">
        <v>721</v>
      </c>
      <c r="K7" s="19">
        <v>595</v>
      </c>
    </row>
    <row r="8" spans="1:11" ht="15" customHeight="1">
      <c r="A8" s="17" t="s">
        <v>13</v>
      </c>
      <c r="B8" s="17"/>
      <c r="C8" s="13">
        <v>586</v>
      </c>
      <c r="D8" s="19">
        <v>316</v>
      </c>
      <c r="E8" s="19">
        <v>270</v>
      </c>
      <c r="F8" s="19"/>
      <c r="G8" s="18" t="s">
        <v>14</v>
      </c>
      <c r="H8" s="17"/>
      <c r="I8" s="13">
        <v>1336</v>
      </c>
      <c r="J8" s="19">
        <v>727</v>
      </c>
      <c r="K8" s="19">
        <v>609</v>
      </c>
    </row>
    <row r="9" spans="1:11" ht="15" customHeight="1">
      <c r="A9" s="17" t="s">
        <v>15</v>
      </c>
      <c r="B9" s="17"/>
      <c r="C9" s="13">
        <v>612</v>
      </c>
      <c r="D9" s="19">
        <v>344</v>
      </c>
      <c r="E9" s="19">
        <v>268</v>
      </c>
      <c r="F9" s="19"/>
      <c r="G9" s="18" t="s">
        <v>16</v>
      </c>
      <c r="H9" s="17"/>
      <c r="I9" s="13">
        <v>1305</v>
      </c>
      <c r="J9" s="19">
        <v>711</v>
      </c>
      <c r="K9" s="19">
        <v>594</v>
      </c>
    </row>
    <row r="10" spans="1:11" ht="15" customHeight="1">
      <c r="A10" s="17" t="s">
        <v>17</v>
      </c>
      <c r="B10" s="17"/>
      <c r="C10" s="13">
        <v>650</v>
      </c>
      <c r="D10" s="19">
        <v>328</v>
      </c>
      <c r="E10" s="19">
        <v>322</v>
      </c>
      <c r="F10" s="19"/>
      <c r="G10" s="18" t="s">
        <v>18</v>
      </c>
      <c r="H10" s="17"/>
      <c r="I10" s="13">
        <v>915</v>
      </c>
      <c r="J10" s="19">
        <v>497</v>
      </c>
      <c r="K10" s="19">
        <v>418</v>
      </c>
    </row>
    <row r="11" spans="1:11" ht="20.100000000000001" customHeight="1">
      <c r="A11" s="17" t="s">
        <v>19</v>
      </c>
      <c r="B11" s="17"/>
      <c r="C11" s="13">
        <v>3748</v>
      </c>
      <c r="D11" s="14">
        <v>1878</v>
      </c>
      <c r="E11" s="14">
        <v>1870</v>
      </c>
      <c r="F11" s="14"/>
      <c r="G11" s="18" t="s">
        <v>20</v>
      </c>
      <c r="H11" s="17"/>
      <c r="I11" s="13">
        <v>4613</v>
      </c>
      <c r="J11" s="14">
        <v>2515</v>
      </c>
      <c r="K11" s="14">
        <v>2098</v>
      </c>
    </row>
    <row r="12" spans="1:11" ht="15" customHeight="1">
      <c r="A12" s="17" t="s">
        <v>21</v>
      </c>
      <c r="B12" s="17"/>
      <c r="C12" s="13">
        <v>712</v>
      </c>
      <c r="D12" s="19">
        <v>372</v>
      </c>
      <c r="E12" s="19">
        <v>340</v>
      </c>
      <c r="F12" s="19"/>
      <c r="G12" s="18" t="s">
        <v>22</v>
      </c>
      <c r="H12" s="17"/>
      <c r="I12" s="13">
        <v>1075</v>
      </c>
      <c r="J12" s="19">
        <v>571</v>
      </c>
      <c r="K12" s="19">
        <v>504</v>
      </c>
    </row>
    <row r="13" spans="1:11" ht="15" customHeight="1">
      <c r="A13" s="17" t="s">
        <v>23</v>
      </c>
      <c r="B13" s="17"/>
      <c r="C13" s="13">
        <v>742</v>
      </c>
      <c r="D13" s="19">
        <v>352</v>
      </c>
      <c r="E13" s="19">
        <v>390</v>
      </c>
      <c r="F13" s="19"/>
      <c r="G13" s="18" t="s">
        <v>24</v>
      </c>
      <c r="H13" s="17"/>
      <c r="I13" s="13">
        <v>956</v>
      </c>
      <c r="J13" s="19">
        <v>537</v>
      </c>
      <c r="K13" s="19">
        <v>419</v>
      </c>
    </row>
    <row r="14" spans="1:11" ht="15" customHeight="1">
      <c r="A14" s="17" t="s">
        <v>25</v>
      </c>
      <c r="B14" s="17"/>
      <c r="C14" s="13">
        <v>754</v>
      </c>
      <c r="D14" s="19">
        <v>377</v>
      </c>
      <c r="E14" s="19">
        <v>377</v>
      </c>
      <c r="F14" s="19"/>
      <c r="G14" s="18" t="s">
        <v>26</v>
      </c>
      <c r="H14" s="17"/>
      <c r="I14" s="13">
        <v>895</v>
      </c>
      <c r="J14" s="19">
        <v>444</v>
      </c>
      <c r="K14" s="19">
        <v>451</v>
      </c>
    </row>
    <row r="15" spans="1:11" ht="15" customHeight="1">
      <c r="A15" s="17" t="s">
        <v>27</v>
      </c>
      <c r="B15" s="17"/>
      <c r="C15" s="13">
        <v>762</v>
      </c>
      <c r="D15" s="19">
        <v>379</v>
      </c>
      <c r="E15" s="19">
        <v>383</v>
      </c>
      <c r="F15" s="19"/>
      <c r="G15" s="18" t="s">
        <v>28</v>
      </c>
      <c r="H15" s="17"/>
      <c r="I15" s="13">
        <v>863</v>
      </c>
      <c r="J15" s="19">
        <v>511</v>
      </c>
      <c r="K15" s="19">
        <v>352</v>
      </c>
    </row>
    <row r="16" spans="1:11" ht="15" customHeight="1">
      <c r="A16" s="17" t="s">
        <v>29</v>
      </c>
      <c r="B16" s="17"/>
      <c r="C16" s="13">
        <v>778</v>
      </c>
      <c r="D16" s="19">
        <v>398</v>
      </c>
      <c r="E16" s="19">
        <v>380</v>
      </c>
      <c r="F16" s="19"/>
      <c r="G16" s="18" t="s">
        <v>30</v>
      </c>
      <c r="H16" s="17"/>
      <c r="I16" s="13">
        <v>824</v>
      </c>
      <c r="J16" s="19">
        <v>452</v>
      </c>
      <c r="K16" s="19">
        <v>372</v>
      </c>
    </row>
    <row r="17" spans="1:11" ht="20.100000000000001" customHeight="1">
      <c r="A17" s="20" t="s">
        <v>31</v>
      </c>
      <c r="B17" s="20"/>
      <c r="C17" s="13">
        <v>4125</v>
      </c>
      <c r="D17" s="14">
        <v>2103</v>
      </c>
      <c r="E17" s="14">
        <v>2022</v>
      </c>
      <c r="F17" s="14"/>
      <c r="G17" s="18" t="s">
        <v>32</v>
      </c>
      <c r="H17" s="17"/>
      <c r="I17" s="13">
        <v>3953</v>
      </c>
      <c r="J17" s="14">
        <v>2001</v>
      </c>
      <c r="K17" s="14">
        <v>1952</v>
      </c>
    </row>
    <row r="18" spans="1:11" ht="15" customHeight="1">
      <c r="A18" s="17" t="s">
        <v>33</v>
      </c>
      <c r="B18" s="17"/>
      <c r="C18" s="13">
        <v>867</v>
      </c>
      <c r="D18" s="19">
        <v>471</v>
      </c>
      <c r="E18" s="19">
        <v>396</v>
      </c>
      <c r="F18" s="19"/>
      <c r="G18" s="18" t="s">
        <v>34</v>
      </c>
      <c r="H18" s="17"/>
      <c r="I18" s="13">
        <v>782</v>
      </c>
      <c r="J18" s="19">
        <v>411</v>
      </c>
      <c r="K18" s="19">
        <v>371</v>
      </c>
    </row>
    <row r="19" spans="1:11" ht="15" customHeight="1">
      <c r="A19" s="17" t="s">
        <v>35</v>
      </c>
      <c r="B19" s="17"/>
      <c r="C19" s="13">
        <v>771</v>
      </c>
      <c r="D19" s="19">
        <v>383</v>
      </c>
      <c r="E19" s="19">
        <v>388</v>
      </c>
      <c r="F19" s="19"/>
      <c r="G19" s="18" t="s">
        <v>36</v>
      </c>
      <c r="H19" s="17"/>
      <c r="I19" s="13">
        <v>803</v>
      </c>
      <c r="J19" s="19">
        <v>405</v>
      </c>
      <c r="K19" s="19">
        <v>398</v>
      </c>
    </row>
    <row r="20" spans="1:11" ht="15" customHeight="1">
      <c r="A20" s="17" t="s">
        <v>37</v>
      </c>
      <c r="B20" s="17"/>
      <c r="C20" s="13">
        <v>871</v>
      </c>
      <c r="D20" s="19">
        <v>424</v>
      </c>
      <c r="E20" s="19">
        <v>447</v>
      </c>
      <c r="F20" s="19"/>
      <c r="G20" s="18" t="s">
        <v>38</v>
      </c>
      <c r="H20" s="17"/>
      <c r="I20" s="13">
        <v>787</v>
      </c>
      <c r="J20" s="19">
        <v>378</v>
      </c>
      <c r="K20" s="19">
        <v>409</v>
      </c>
    </row>
    <row r="21" spans="1:11" ht="15" customHeight="1">
      <c r="A21" s="17" t="s">
        <v>39</v>
      </c>
      <c r="B21" s="17"/>
      <c r="C21" s="13">
        <v>803</v>
      </c>
      <c r="D21" s="19">
        <v>413</v>
      </c>
      <c r="E21" s="19">
        <v>390</v>
      </c>
      <c r="F21" s="19"/>
      <c r="G21" s="18" t="s">
        <v>40</v>
      </c>
      <c r="H21" s="17"/>
      <c r="I21" s="13">
        <v>752</v>
      </c>
      <c r="J21" s="19">
        <v>383</v>
      </c>
      <c r="K21" s="19">
        <v>369</v>
      </c>
    </row>
    <row r="22" spans="1:11" ht="15" customHeight="1">
      <c r="A22" s="17" t="s">
        <v>41</v>
      </c>
      <c r="B22" s="17"/>
      <c r="C22" s="13">
        <v>813</v>
      </c>
      <c r="D22" s="19">
        <v>412</v>
      </c>
      <c r="E22" s="19">
        <v>401</v>
      </c>
      <c r="F22" s="19"/>
      <c r="G22" s="18" t="s">
        <v>42</v>
      </c>
      <c r="H22" s="17"/>
      <c r="I22" s="13">
        <v>829</v>
      </c>
      <c r="J22" s="19">
        <v>424</v>
      </c>
      <c r="K22" s="19">
        <v>405</v>
      </c>
    </row>
    <row r="23" spans="1:11" ht="20.100000000000001" customHeight="1">
      <c r="A23" s="17" t="s">
        <v>43</v>
      </c>
      <c r="B23" s="17"/>
      <c r="C23" s="13">
        <v>4076</v>
      </c>
      <c r="D23" s="14">
        <v>2021</v>
      </c>
      <c r="E23" s="14">
        <v>2055</v>
      </c>
      <c r="F23" s="14"/>
      <c r="G23" s="18" t="s">
        <v>44</v>
      </c>
      <c r="H23" s="17"/>
      <c r="I23" s="13">
        <v>4671</v>
      </c>
      <c r="J23" s="14">
        <v>2247</v>
      </c>
      <c r="K23" s="14">
        <v>2424</v>
      </c>
    </row>
    <row r="24" spans="1:11" ht="15" customHeight="1">
      <c r="A24" s="17" t="s">
        <v>45</v>
      </c>
      <c r="B24" s="17"/>
      <c r="C24" s="13">
        <v>790</v>
      </c>
      <c r="D24" s="19">
        <v>435</v>
      </c>
      <c r="E24" s="19">
        <v>355</v>
      </c>
      <c r="F24" s="19"/>
      <c r="G24" s="18" t="s">
        <v>46</v>
      </c>
      <c r="H24" s="17"/>
      <c r="I24" s="13">
        <v>837</v>
      </c>
      <c r="J24" s="19">
        <v>384</v>
      </c>
      <c r="K24" s="19">
        <v>453</v>
      </c>
    </row>
    <row r="25" spans="1:11" ht="15" customHeight="1">
      <c r="A25" s="17" t="s">
        <v>47</v>
      </c>
      <c r="B25" s="17"/>
      <c r="C25" s="13">
        <v>845</v>
      </c>
      <c r="D25" s="19">
        <v>407</v>
      </c>
      <c r="E25" s="19">
        <v>438</v>
      </c>
      <c r="F25" s="19"/>
      <c r="G25" s="18" t="s">
        <v>48</v>
      </c>
      <c r="H25" s="17"/>
      <c r="I25" s="13">
        <v>837</v>
      </c>
      <c r="J25" s="19">
        <v>424</v>
      </c>
      <c r="K25" s="19">
        <v>413</v>
      </c>
    </row>
    <row r="26" spans="1:11" ht="15" customHeight="1">
      <c r="A26" s="17" t="s">
        <v>49</v>
      </c>
      <c r="B26" s="17"/>
      <c r="C26" s="13">
        <v>812</v>
      </c>
      <c r="D26" s="19">
        <v>402</v>
      </c>
      <c r="E26" s="19">
        <v>410</v>
      </c>
      <c r="F26" s="19"/>
      <c r="G26" s="18" t="s">
        <v>50</v>
      </c>
      <c r="H26" s="17"/>
      <c r="I26" s="13">
        <v>916</v>
      </c>
      <c r="J26" s="19">
        <v>418</v>
      </c>
      <c r="K26" s="19">
        <v>498</v>
      </c>
    </row>
    <row r="27" spans="1:11" ht="15" customHeight="1">
      <c r="A27" s="17" t="s">
        <v>51</v>
      </c>
      <c r="B27" s="17"/>
      <c r="C27" s="13">
        <v>818</v>
      </c>
      <c r="D27" s="19">
        <v>384</v>
      </c>
      <c r="E27" s="19">
        <v>434</v>
      </c>
      <c r="F27" s="19"/>
      <c r="G27" s="18" t="s">
        <v>52</v>
      </c>
      <c r="H27" s="17"/>
      <c r="I27" s="13">
        <v>979</v>
      </c>
      <c r="J27" s="19">
        <v>504</v>
      </c>
      <c r="K27" s="19">
        <v>475</v>
      </c>
    </row>
    <row r="28" spans="1:11" ht="15" customHeight="1">
      <c r="A28" s="17" t="s">
        <v>53</v>
      </c>
      <c r="B28" s="17"/>
      <c r="C28" s="13">
        <v>811</v>
      </c>
      <c r="D28" s="19">
        <v>393</v>
      </c>
      <c r="E28" s="19">
        <v>418</v>
      </c>
      <c r="F28" s="19"/>
      <c r="G28" s="18" t="s">
        <v>54</v>
      </c>
      <c r="H28" s="17"/>
      <c r="I28" s="13">
        <v>1102</v>
      </c>
      <c r="J28" s="19">
        <v>517</v>
      </c>
      <c r="K28" s="19">
        <v>585</v>
      </c>
    </row>
    <row r="29" spans="1:11" ht="20.100000000000001" customHeight="1">
      <c r="A29" s="17" t="s">
        <v>55</v>
      </c>
      <c r="B29" s="17"/>
      <c r="C29" s="13">
        <v>3959</v>
      </c>
      <c r="D29" s="14">
        <v>2166</v>
      </c>
      <c r="E29" s="14">
        <v>1793</v>
      </c>
      <c r="F29" s="14"/>
      <c r="G29" s="18" t="s">
        <v>56</v>
      </c>
      <c r="H29" s="17"/>
      <c r="I29" s="13">
        <v>6425</v>
      </c>
      <c r="J29" s="14">
        <v>2938</v>
      </c>
      <c r="K29" s="14">
        <v>3487</v>
      </c>
    </row>
    <row r="30" spans="1:11" ht="15" customHeight="1">
      <c r="A30" s="17" t="s">
        <v>57</v>
      </c>
      <c r="B30" s="17"/>
      <c r="C30" s="13">
        <v>837</v>
      </c>
      <c r="D30" s="19">
        <v>443</v>
      </c>
      <c r="E30" s="19">
        <v>394</v>
      </c>
      <c r="F30" s="19"/>
      <c r="G30" s="18" t="s">
        <v>58</v>
      </c>
      <c r="H30" s="17"/>
      <c r="I30" s="13">
        <v>1277</v>
      </c>
      <c r="J30" s="19">
        <v>599</v>
      </c>
      <c r="K30" s="19">
        <v>678</v>
      </c>
    </row>
    <row r="31" spans="1:11" ht="15" customHeight="1">
      <c r="A31" s="17" t="s">
        <v>59</v>
      </c>
      <c r="B31" s="17"/>
      <c r="C31" s="13">
        <v>756</v>
      </c>
      <c r="D31" s="19">
        <v>411</v>
      </c>
      <c r="E31" s="19">
        <v>345</v>
      </c>
      <c r="F31" s="19"/>
      <c r="G31" s="18" t="s">
        <v>60</v>
      </c>
      <c r="H31" s="17"/>
      <c r="I31" s="13">
        <v>1413</v>
      </c>
      <c r="J31" s="19">
        <v>648</v>
      </c>
      <c r="K31" s="19">
        <v>765</v>
      </c>
    </row>
    <row r="32" spans="1:11" ht="15" customHeight="1">
      <c r="A32" s="17" t="s">
        <v>61</v>
      </c>
      <c r="B32" s="17"/>
      <c r="C32" s="13">
        <v>815</v>
      </c>
      <c r="D32" s="19">
        <v>440</v>
      </c>
      <c r="E32" s="19">
        <v>375</v>
      </c>
      <c r="F32" s="19"/>
      <c r="G32" s="18" t="s">
        <v>62</v>
      </c>
      <c r="H32" s="17"/>
      <c r="I32" s="13">
        <v>1359</v>
      </c>
      <c r="J32" s="19">
        <v>612</v>
      </c>
      <c r="K32" s="19">
        <v>747</v>
      </c>
    </row>
    <row r="33" spans="1:11" ht="15" customHeight="1">
      <c r="A33" s="17" t="s">
        <v>63</v>
      </c>
      <c r="B33" s="17"/>
      <c r="C33" s="13">
        <v>801</v>
      </c>
      <c r="D33" s="19">
        <v>467</v>
      </c>
      <c r="E33" s="19">
        <v>334</v>
      </c>
      <c r="F33" s="19"/>
      <c r="G33" s="18" t="s">
        <v>64</v>
      </c>
      <c r="H33" s="17"/>
      <c r="I33" s="13">
        <v>1358</v>
      </c>
      <c r="J33" s="19">
        <v>600</v>
      </c>
      <c r="K33" s="19">
        <v>758</v>
      </c>
    </row>
    <row r="34" spans="1:11" ht="15" customHeight="1">
      <c r="A34" s="17" t="s">
        <v>65</v>
      </c>
      <c r="B34" s="17"/>
      <c r="C34" s="13">
        <v>750</v>
      </c>
      <c r="D34" s="19">
        <v>405</v>
      </c>
      <c r="E34" s="19">
        <v>345</v>
      </c>
      <c r="F34" s="19"/>
      <c r="G34" s="18" t="s">
        <v>66</v>
      </c>
      <c r="H34" s="17"/>
      <c r="I34" s="13">
        <v>1018</v>
      </c>
      <c r="J34" s="19">
        <v>479</v>
      </c>
      <c r="K34" s="19">
        <v>539</v>
      </c>
    </row>
    <row r="35" spans="1:11" ht="20.100000000000001" customHeight="1">
      <c r="A35" s="17" t="s">
        <v>67</v>
      </c>
      <c r="B35" s="17"/>
      <c r="C35" s="13">
        <v>3790</v>
      </c>
      <c r="D35" s="14">
        <v>2075</v>
      </c>
      <c r="E35" s="14">
        <v>1715</v>
      </c>
      <c r="F35" s="14"/>
      <c r="G35" s="18" t="s">
        <v>68</v>
      </c>
      <c r="H35" s="17"/>
      <c r="I35" s="13">
        <v>5495</v>
      </c>
      <c r="J35" s="14">
        <v>2525</v>
      </c>
      <c r="K35" s="14">
        <v>2970</v>
      </c>
    </row>
    <row r="36" spans="1:11" ht="15" customHeight="1">
      <c r="A36" s="17" t="s">
        <v>69</v>
      </c>
      <c r="B36" s="17"/>
      <c r="C36" s="13">
        <v>793</v>
      </c>
      <c r="D36" s="19">
        <v>412</v>
      </c>
      <c r="E36" s="19">
        <v>381</v>
      </c>
      <c r="F36" s="19"/>
      <c r="G36" s="18" t="s">
        <v>70</v>
      </c>
      <c r="H36" s="17"/>
      <c r="I36" s="13">
        <v>928</v>
      </c>
      <c r="J36" s="19">
        <v>412</v>
      </c>
      <c r="K36" s="19">
        <v>516</v>
      </c>
    </row>
    <row r="37" spans="1:11" ht="15" customHeight="1">
      <c r="A37" s="17" t="s">
        <v>71</v>
      </c>
      <c r="B37" s="17"/>
      <c r="C37" s="13">
        <v>713</v>
      </c>
      <c r="D37" s="19">
        <v>390</v>
      </c>
      <c r="E37" s="19">
        <v>323</v>
      </c>
      <c r="F37" s="19"/>
      <c r="G37" s="18" t="s">
        <v>72</v>
      </c>
      <c r="H37" s="17"/>
      <c r="I37" s="13">
        <v>1182</v>
      </c>
      <c r="J37" s="19">
        <v>524</v>
      </c>
      <c r="K37" s="19">
        <v>658</v>
      </c>
    </row>
    <row r="38" spans="1:11" ht="15" customHeight="1">
      <c r="A38" s="17" t="s">
        <v>73</v>
      </c>
      <c r="B38" s="17"/>
      <c r="C38" s="13">
        <v>714</v>
      </c>
      <c r="D38" s="19">
        <v>403</v>
      </c>
      <c r="E38" s="19">
        <v>311</v>
      </c>
      <c r="F38" s="19"/>
      <c r="G38" s="18" t="s">
        <v>74</v>
      </c>
      <c r="H38" s="17"/>
      <c r="I38" s="13">
        <v>1167</v>
      </c>
      <c r="J38" s="19">
        <v>540</v>
      </c>
      <c r="K38" s="19">
        <v>627</v>
      </c>
    </row>
    <row r="39" spans="1:11" ht="15" customHeight="1">
      <c r="A39" s="17" t="s">
        <v>75</v>
      </c>
      <c r="B39" s="17"/>
      <c r="C39" s="13">
        <v>759</v>
      </c>
      <c r="D39" s="19">
        <v>420</v>
      </c>
      <c r="E39" s="19">
        <v>339</v>
      </c>
      <c r="F39" s="19"/>
      <c r="G39" s="18" t="s">
        <v>76</v>
      </c>
      <c r="H39" s="17"/>
      <c r="I39" s="13">
        <v>1173</v>
      </c>
      <c r="J39" s="19">
        <v>562</v>
      </c>
      <c r="K39" s="19">
        <v>611</v>
      </c>
    </row>
    <row r="40" spans="1:11" ht="15" customHeight="1">
      <c r="A40" s="17" t="s">
        <v>77</v>
      </c>
      <c r="B40" s="17"/>
      <c r="C40" s="13">
        <v>811</v>
      </c>
      <c r="D40" s="19">
        <v>450</v>
      </c>
      <c r="E40" s="19">
        <v>361</v>
      </c>
      <c r="F40" s="19"/>
      <c r="G40" s="18" t="s">
        <v>78</v>
      </c>
      <c r="H40" s="17"/>
      <c r="I40" s="13">
        <v>1045</v>
      </c>
      <c r="J40" s="19">
        <v>487</v>
      </c>
      <c r="K40" s="19">
        <v>558</v>
      </c>
    </row>
    <row r="41" spans="1:11" ht="20.100000000000001" customHeight="1">
      <c r="A41" s="17" t="s">
        <v>79</v>
      </c>
      <c r="B41" s="17"/>
      <c r="C41" s="13">
        <v>4176</v>
      </c>
      <c r="D41" s="14">
        <v>2291</v>
      </c>
      <c r="E41" s="14">
        <v>1885</v>
      </c>
      <c r="F41" s="14"/>
      <c r="G41" s="18" t="s">
        <v>80</v>
      </c>
      <c r="H41" s="17"/>
      <c r="I41" s="13">
        <v>3740</v>
      </c>
      <c r="J41" s="14">
        <v>1793</v>
      </c>
      <c r="K41" s="14">
        <v>1947</v>
      </c>
    </row>
    <row r="42" spans="1:11" ht="15" customHeight="1">
      <c r="A42" s="17" t="s">
        <v>81</v>
      </c>
      <c r="B42" s="17"/>
      <c r="C42" s="13">
        <v>775</v>
      </c>
      <c r="D42" s="19">
        <v>425</v>
      </c>
      <c r="E42" s="19">
        <v>350</v>
      </c>
      <c r="F42" s="19"/>
      <c r="G42" s="18" t="s">
        <v>82</v>
      </c>
      <c r="H42" s="17"/>
      <c r="I42" s="13">
        <v>956</v>
      </c>
      <c r="J42" s="19">
        <v>456</v>
      </c>
      <c r="K42" s="19">
        <v>500</v>
      </c>
    </row>
    <row r="43" spans="1:11" ht="15" customHeight="1">
      <c r="A43" s="17" t="s">
        <v>83</v>
      </c>
      <c r="B43" s="17"/>
      <c r="C43" s="13">
        <v>795</v>
      </c>
      <c r="D43" s="19">
        <v>448</v>
      </c>
      <c r="E43" s="19">
        <v>347</v>
      </c>
      <c r="F43" s="19"/>
      <c r="G43" s="18" t="s">
        <v>84</v>
      </c>
      <c r="H43" s="17"/>
      <c r="I43" s="13">
        <v>813</v>
      </c>
      <c r="J43" s="19">
        <v>422</v>
      </c>
      <c r="K43" s="19">
        <v>391</v>
      </c>
    </row>
    <row r="44" spans="1:11" ht="15" customHeight="1">
      <c r="A44" s="17" t="s">
        <v>85</v>
      </c>
      <c r="B44" s="17"/>
      <c r="C44" s="13">
        <v>885</v>
      </c>
      <c r="D44" s="19">
        <v>491</v>
      </c>
      <c r="E44" s="19">
        <v>394</v>
      </c>
      <c r="F44" s="19"/>
      <c r="G44" s="18" t="s">
        <v>86</v>
      </c>
      <c r="H44" s="17"/>
      <c r="I44" s="13">
        <v>736</v>
      </c>
      <c r="J44" s="19">
        <v>329</v>
      </c>
      <c r="K44" s="19">
        <v>407</v>
      </c>
    </row>
    <row r="45" spans="1:11" ht="15" customHeight="1">
      <c r="A45" s="17" t="s">
        <v>87</v>
      </c>
      <c r="B45" s="17"/>
      <c r="C45" s="13">
        <v>807</v>
      </c>
      <c r="D45" s="19">
        <v>420</v>
      </c>
      <c r="E45" s="19">
        <v>387</v>
      </c>
      <c r="F45" s="19"/>
      <c r="G45" s="18" t="s">
        <v>88</v>
      </c>
      <c r="H45" s="17"/>
      <c r="I45" s="13">
        <v>694</v>
      </c>
      <c r="J45" s="19">
        <v>341</v>
      </c>
      <c r="K45" s="19">
        <v>353</v>
      </c>
    </row>
    <row r="46" spans="1:11" ht="15" customHeight="1">
      <c r="A46" s="17" t="s">
        <v>89</v>
      </c>
      <c r="B46" s="17"/>
      <c r="C46" s="13">
        <v>914</v>
      </c>
      <c r="D46" s="19">
        <v>507</v>
      </c>
      <c r="E46" s="19">
        <v>407</v>
      </c>
      <c r="F46" s="19"/>
      <c r="G46" s="18" t="s">
        <v>90</v>
      </c>
      <c r="H46" s="17"/>
      <c r="I46" s="13">
        <v>541</v>
      </c>
      <c r="J46" s="19">
        <v>245</v>
      </c>
      <c r="K46" s="19">
        <v>296</v>
      </c>
    </row>
    <row r="47" spans="1:11" ht="20.100000000000001" customHeight="1">
      <c r="A47" s="17" t="s">
        <v>91</v>
      </c>
      <c r="B47" s="17"/>
      <c r="C47" s="13">
        <v>4740</v>
      </c>
      <c r="D47" s="14">
        <v>2500</v>
      </c>
      <c r="E47" s="14">
        <v>2240</v>
      </c>
      <c r="F47" s="14"/>
      <c r="G47" s="18" t="s">
        <v>92</v>
      </c>
      <c r="H47" s="17"/>
      <c r="I47" s="13">
        <v>1863</v>
      </c>
      <c r="J47" s="14">
        <v>780</v>
      </c>
      <c r="K47" s="14">
        <v>1083</v>
      </c>
    </row>
    <row r="48" spans="1:11" ht="15" customHeight="1">
      <c r="A48" s="17" t="s">
        <v>93</v>
      </c>
      <c r="B48" s="17"/>
      <c r="C48" s="13">
        <v>930</v>
      </c>
      <c r="D48" s="19">
        <v>474</v>
      </c>
      <c r="E48" s="19">
        <v>456</v>
      </c>
      <c r="F48" s="19"/>
      <c r="G48" s="18" t="s">
        <v>94</v>
      </c>
      <c r="H48" s="17"/>
      <c r="I48" s="13">
        <v>523</v>
      </c>
      <c r="J48" s="19">
        <v>242</v>
      </c>
      <c r="K48" s="19">
        <v>281</v>
      </c>
    </row>
    <row r="49" spans="1:11" ht="15" customHeight="1">
      <c r="A49" s="17" t="s">
        <v>95</v>
      </c>
      <c r="B49" s="17"/>
      <c r="C49" s="13">
        <v>902</v>
      </c>
      <c r="D49" s="19">
        <v>478</v>
      </c>
      <c r="E49" s="19">
        <v>424</v>
      </c>
      <c r="F49" s="19"/>
      <c r="G49" s="18" t="s">
        <v>96</v>
      </c>
      <c r="H49" s="17"/>
      <c r="I49" s="13">
        <v>427</v>
      </c>
      <c r="J49" s="19">
        <v>187</v>
      </c>
      <c r="K49" s="19">
        <v>240</v>
      </c>
    </row>
    <row r="50" spans="1:11" ht="15" customHeight="1">
      <c r="A50" s="17" t="s">
        <v>97</v>
      </c>
      <c r="B50" s="17"/>
      <c r="C50" s="13">
        <v>968</v>
      </c>
      <c r="D50" s="19">
        <v>517</v>
      </c>
      <c r="E50" s="19">
        <v>451</v>
      </c>
      <c r="F50" s="19"/>
      <c r="G50" s="18" t="s">
        <v>98</v>
      </c>
      <c r="H50" s="17"/>
      <c r="I50" s="13">
        <v>354</v>
      </c>
      <c r="J50" s="19">
        <v>135</v>
      </c>
      <c r="K50" s="19">
        <v>219</v>
      </c>
    </row>
    <row r="51" spans="1:11" ht="15" customHeight="1">
      <c r="A51" s="17" t="s">
        <v>99</v>
      </c>
      <c r="B51" s="17"/>
      <c r="C51" s="13">
        <v>960</v>
      </c>
      <c r="D51" s="19">
        <v>504</v>
      </c>
      <c r="E51" s="19">
        <v>456</v>
      </c>
      <c r="F51" s="19"/>
      <c r="G51" s="18" t="s">
        <v>100</v>
      </c>
      <c r="H51" s="17"/>
      <c r="I51" s="13">
        <v>323</v>
      </c>
      <c r="J51" s="19">
        <v>118</v>
      </c>
      <c r="K51" s="19">
        <v>205</v>
      </c>
    </row>
    <row r="52" spans="1:11" ht="15" customHeight="1">
      <c r="A52" s="17" t="s">
        <v>101</v>
      </c>
      <c r="B52" s="17"/>
      <c r="C52" s="13">
        <v>980</v>
      </c>
      <c r="D52" s="19">
        <v>527</v>
      </c>
      <c r="E52" s="19">
        <v>453</v>
      </c>
      <c r="F52" s="19"/>
      <c r="G52" s="18" t="s">
        <v>102</v>
      </c>
      <c r="H52" s="17"/>
      <c r="I52" s="13">
        <v>236</v>
      </c>
      <c r="J52" s="19">
        <v>98</v>
      </c>
      <c r="K52" s="19">
        <v>138</v>
      </c>
    </row>
    <row r="53" spans="1:11" ht="20.100000000000001" customHeight="1">
      <c r="A53" s="17" t="s">
        <v>103</v>
      </c>
      <c r="B53" s="17"/>
      <c r="C53" s="13">
        <v>5846</v>
      </c>
      <c r="D53" s="14">
        <v>3152</v>
      </c>
      <c r="E53" s="14">
        <v>2694</v>
      </c>
      <c r="F53" s="14"/>
      <c r="G53" s="18" t="s">
        <v>104</v>
      </c>
      <c r="H53" s="17"/>
      <c r="I53" s="13">
        <v>735</v>
      </c>
      <c r="J53" s="14">
        <v>222</v>
      </c>
      <c r="K53" s="14">
        <v>513</v>
      </c>
    </row>
    <row r="54" spans="1:11" ht="15" customHeight="1">
      <c r="A54" s="17" t="s">
        <v>105</v>
      </c>
      <c r="B54" s="17"/>
      <c r="C54" s="13">
        <v>1052</v>
      </c>
      <c r="D54" s="19">
        <v>568</v>
      </c>
      <c r="E54" s="19">
        <v>484</v>
      </c>
      <c r="F54" s="19"/>
      <c r="G54" s="18" t="s">
        <v>106</v>
      </c>
      <c r="H54" s="17"/>
      <c r="I54" s="13">
        <v>226</v>
      </c>
      <c r="J54" s="19">
        <v>76</v>
      </c>
      <c r="K54" s="19">
        <v>150</v>
      </c>
    </row>
    <row r="55" spans="1:11" ht="15" customHeight="1">
      <c r="A55" s="17" t="s">
        <v>107</v>
      </c>
      <c r="B55" s="17"/>
      <c r="C55" s="13">
        <v>1176</v>
      </c>
      <c r="D55" s="19">
        <v>637</v>
      </c>
      <c r="E55" s="19">
        <v>539</v>
      </c>
      <c r="F55" s="19"/>
      <c r="G55" s="18" t="s">
        <v>108</v>
      </c>
      <c r="H55" s="17"/>
      <c r="I55" s="13">
        <v>179</v>
      </c>
      <c r="J55" s="19">
        <v>50</v>
      </c>
      <c r="K55" s="19">
        <v>129</v>
      </c>
    </row>
    <row r="56" spans="1:11" ht="15" customHeight="1">
      <c r="A56" s="17" t="s">
        <v>109</v>
      </c>
      <c r="B56" s="17"/>
      <c r="C56" s="13">
        <v>1176</v>
      </c>
      <c r="D56" s="19">
        <v>628</v>
      </c>
      <c r="E56" s="19">
        <v>548</v>
      </c>
      <c r="F56" s="19"/>
      <c r="G56" s="18" t="s">
        <v>110</v>
      </c>
      <c r="H56" s="17"/>
      <c r="I56" s="13">
        <v>141</v>
      </c>
      <c r="J56" s="19">
        <v>50</v>
      </c>
      <c r="K56" s="19">
        <v>91</v>
      </c>
    </row>
    <row r="57" spans="1:11" ht="15" customHeight="1">
      <c r="A57" s="17" t="s">
        <v>111</v>
      </c>
      <c r="B57" s="17"/>
      <c r="C57" s="13">
        <v>1144</v>
      </c>
      <c r="D57" s="19">
        <v>614</v>
      </c>
      <c r="E57" s="19">
        <v>530</v>
      </c>
      <c r="F57" s="19"/>
      <c r="G57" s="18" t="s">
        <v>112</v>
      </c>
      <c r="H57" s="17"/>
      <c r="I57" s="13">
        <v>109</v>
      </c>
      <c r="J57" s="19">
        <v>28</v>
      </c>
      <c r="K57" s="19">
        <v>81</v>
      </c>
    </row>
    <row r="58" spans="1:11" ht="15" customHeight="1">
      <c r="A58" s="17" t="s">
        <v>113</v>
      </c>
      <c r="B58" s="17"/>
      <c r="C58" s="13">
        <v>1298</v>
      </c>
      <c r="D58" s="19">
        <v>705</v>
      </c>
      <c r="E58" s="19">
        <v>593</v>
      </c>
      <c r="F58" s="19"/>
      <c r="G58" s="18" t="s">
        <v>114</v>
      </c>
      <c r="H58" s="17"/>
      <c r="I58" s="13">
        <v>80</v>
      </c>
      <c r="J58" s="19">
        <v>18</v>
      </c>
      <c r="K58" s="19">
        <v>62</v>
      </c>
    </row>
    <row r="59" spans="1:11" ht="20.100000000000001" customHeight="1">
      <c r="A59" s="17" t="s">
        <v>115</v>
      </c>
      <c r="B59" s="17"/>
      <c r="C59" s="13">
        <v>7368</v>
      </c>
      <c r="D59" s="14">
        <v>3878</v>
      </c>
      <c r="E59" s="14">
        <v>3490</v>
      </c>
      <c r="F59" s="14"/>
      <c r="G59" s="18" t="s">
        <v>116</v>
      </c>
      <c r="H59" s="17"/>
      <c r="I59" s="13">
        <v>216</v>
      </c>
      <c r="J59" s="14">
        <v>38</v>
      </c>
      <c r="K59" s="14">
        <v>178</v>
      </c>
    </row>
    <row r="60" spans="1:11" ht="15" customHeight="1">
      <c r="A60" s="17" t="s">
        <v>117</v>
      </c>
      <c r="B60" s="17"/>
      <c r="C60" s="13">
        <v>1331</v>
      </c>
      <c r="D60" s="19">
        <v>700</v>
      </c>
      <c r="E60" s="19">
        <v>631</v>
      </c>
      <c r="F60" s="19"/>
      <c r="G60" s="18" t="s">
        <v>118</v>
      </c>
      <c r="H60" s="17"/>
      <c r="I60" s="13">
        <v>68</v>
      </c>
      <c r="J60" s="19">
        <v>20</v>
      </c>
      <c r="K60" s="19">
        <v>48</v>
      </c>
    </row>
    <row r="61" spans="1:11" ht="15" customHeight="1">
      <c r="A61" s="17" t="s">
        <v>119</v>
      </c>
      <c r="B61" s="17"/>
      <c r="C61" s="13">
        <v>1506</v>
      </c>
      <c r="D61" s="19">
        <v>791</v>
      </c>
      <c r="E61" s="19">
        <v>715</v>
      </c>
      <c r="F61" s="19"/>
      <c r="G61" s="18" t="s">
        <v>120</v>
      </c>
      <c r="H61" s="17"/>
      <c r="I61" s="13">
        <v>59</v>
      </c>
      <c r="J61" s="19">
        <v>6</v>
      </c>
      <c r="K61" s="19">
        <v>53</v>
      </c>
    </row>
    <row r="62" spans="1:11" ht="15" customHeight="1">
      <c r="A62" s="17" t="s">
        <v>121</v>
      </c>
      <c r="B62" s="17"/>
      <c r="C62" s="13">
        <v>1555</v>
      </c>
      <c r="D62" s="19">
        <v>793</v>
      </c>
      <c r="E62" s="19">
        <v>762</v>
      </c>
      <c r="F62" s="19"/>
      <c r="G62" s="18" t="s">
        <v>122</v>
      </c>
      <c r="H62" s="17"/>
      <c r="I62" s="13">
        <v>41</v>
      </c>
      <c r="J62" s="19">
        <v>5</v>
      </c>
      <c r="K62" s="19">
        <v>36</v>
      </c>
    </row>
    <row r="63" spans="1:11" ht="15" customHeight="1">
      <c r="A63" s="17" t="s">
        <v>123</v>
      </c>
      <c r="B63" s="17"/>
      <c r="C63" s="13">
        <v>1484</v>
      </c>
      <c r="D63" s="19">
        <v>813</v>
      </c>
      <c r="E63" s="19">
        <v>671</v>
      </c>
      <c r="F63" s="19"/>
      <c r="G63" s="18" t="s">
        <v>124</v>
      </c>
      <c r="H63" s="17"/>
      <c r="I63" s="13">
        <v>27</v>
      </c>
      <c r="J63" s="19">
        <v>6</v>
      </c>
      <c r="K63" s="19">
        <v>21</v>
      </c>
    </row>
    <row r="64" spans="1:11" ht="15" customHeight="1">
      <c r="A64" s="17" t="s">
        <v>125</v>
      </c>
      <c r="B64" s="17"/>
      <c r="C64" s="13">
        <v>1492</v>
      </c>
      <c r="D64" s="19">
        <v>781</v>
      </c>
      <c r="E64" s="19">
        <v>711</v>
      </c>
      <c r="F64" s="19"/>
      <c r="G64" s="18" t="s">
        <v>126</v>
      </c>
      <c r="H64" s="17"/>
      <c r="I64" s="13">
        <v>21</v>
      </c>
      <c r="J64" s="19">
        <v>1</v>
      </c>
      <c r="K64" s="19">
        <v>2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9</v>
      </c>
      <c r="J65" s="19">
        <v>1</v>
      </c>
      <c r="K65" s="19">
        <v>2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001</v>
      </c>
      <c r="J66" s="29">
        <v>415</v>
      </c>
      <c r="K66" s="29">
        <v>586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9779</v>
      </c>
      <c r="D4" s="14">
        <v>20827</v>
      </c>
      <c r="E4" s="14">
        <v>1895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88</v>
      </c>
      <c r="D5" s="14">
        <v>571</v>
      </c>
      <c r="E5" s="14">
        <v>517</v>
      </c>
      <c r="F5" s="14"/>
      <c r="G5" s="18" t="s">
        <v>8</v>
      </c>
      <c r="H5" s="17"/>
      <c r="I5" s="13">
        <v>2994</v>
      </c>
      <c r="J5" s="14">
        <v>1665</v>
      </c>
      <c r="K5" s="14">
        <v>1329</v>
      </c>
    </row>
    <row r="6" spans="1:11" ht="15" customHeight="1">
      <c r="A6" s="17" t="s">
        <v>9</v>
      </c>
      <c r="B6" s="17"/>
      <c r="C6" s="13">
        <v>188</v>
      </c>
      <c r="D6" s="19">
        <v>102</v>
      </c>
      <c r="E6" s="19">
        <v>86</v>
      </c>
      <c r="F6" s="19"/>
      <c r="G6" s="18" t="s">
        <v>10</v>
      </c>
      <c r="H6" s="17"/>
      <c r="I6" s="13">
        <v>663</v>
      </c>
      <c r="J6" s="19">
        <v>368</v>
      </c>
      <c r="K6" s="19">
        <v>295</v>
      </c>
    </row>
    <row r="7" spans="1:11" ht="15" customHeight="1">
      <c r="A7" s="17" t="s">
        <v>11</v>
      </c>
      <c r="B7" s="17"/>
      <c r="C7" s="13">
        <v>206</v>
      </c>
      <c r="D7" s="19">
        <v>109</v>
      </c>
      <c r="E7" s="19">
        <v>97</v>
      </c>
      <c r="F7" s="19"/>
      <c r="G7" s="18" t="s">
        <v>12</v>
      </c>
      <c r="H7" s="17"/>
      <c r="I7" s="13">
        <v>623</v>
      </c>
      <c r="J7" s="19">
        <v>345</v>
      </c>
      <c r="K7" s="19">
        <v>278</v>
      </c>
    </row>
    <row r="8" spans="1:11" ht="15" customHeight="1">
      <c r="A8" s="17" t="s">
        <v>13</v>
      </c>
      <c r="B8" s="17"/>
      <c r="C8" s="13">
        <v>213</v>
      </c>
      <c r="D8" s="19">
        <v>103</v>
      </c>
      <c r="E8" s="19">
        <v>110</v>
      </c>
      <c r="F8" s="19"/>
      <c r="G8" s="18" t="s">
        <v>14</v>
      </c>
      <c r="H8" s="17"/>
      <c r="I8" s="13">
        <v>619</v>
      </c>
      <c r="J8" s="19">
        <v>345</v>
      </c>
      <c r="K8" s="19">
        <v>274</v>
      </c>
    </row>
    <row r="9" spans="1:11" ht="15" customHeight="1">
      <c r="A9" s="17" t="s">
        <v>15</v>
      </c>
      <c r="B9" s="17"/>
      <c r="C9" s="13">
        <v>237</v>
      </c>
      <c r="D9" s="19">
        <v>137</v>
      </c>
      <c r="E9" s="19">
        <v>100</v>
      </c>
      <c r="F9" s="19"/>
      <c r="G9" s="18" t="s">
        <v>16</v>
      </c>
      <c r="H9" s="17"/>
      <c r="I9" s="13">
        <v>622</v>
      </c>
      <c r="J9" s="19">
        <v>341</v>
      </c>
      <c r="K9" s="19">
        <v>281</v>
      </c>
    </row>
    <row r="10" spans="1:11" ht="15" customHeight="1">
      <c r="A10" s="17" t="s">
        <v>17</v>
      </c>
      <c r="B10" s="17"/>
      <c r="C10" s="13">
        <v>244</v>
      </c>
      <c r="D10" s="19">
        <v>120</v>
      </c>
      <c r="E10" s="19">
        <v>124</v>
      </c>
      <c r="F10" s="19"/>
      <c r="G10" s="18" t="s">
        <v>18</v>
      </c>
      <c r="H10" s="17"/>
      <c r="I10" s="13">
        <v>467</v>
      </c>
      <c r="J10" s="19">
        <v>266</v>
      </c>
      <c r="K10" s="19">
        <v>201</v>
      </c>
    </row>
    <row r="11" spans="1:11" ht="20.100000000000001" customHeight="1">
      <c r="A11" s="17" t="s">
        <v>19</v>
      </c>
      <c r="B11" s="17"/>
      <c r="C11" s="13">
        <v>1406</v>
      </c>
      <c r="D11" s="14">
        <v>734</v>
      </c>
      <c r="E11" s="14">
        <v>672</v>
      </c>
      <c r="F11" s="14"/>
      <c r="G11" s="18" t="s">
        <v>20</v>
      </c>
      <c r="H11" s="17"/>
      <c r="I11" s="13">
        <v>2523</v>
      </c>
      <c r="J11" s="14">
        <v>1316</v>
      </c>
      <c r="K11" s="14">
        <v>1207</v>
      </c>
    </row>
    <row r="12" spans="1:11" ht="15" customHeight="1">
      <c r="A12" s="17" t="s">
        <v>21</v>
      </c>
      <c r="B12" s="17"/>
      <c r="C12" s="13">
        <v>293</v>
      </c>
      <c r="D12" s="19">
        <v>149</v>
      </c>
      <c r="E12" s="19">
        <v>144</v>
      </c>
      <c r="F12" s="19"/>
      <c r="G12" s="18" t="s">
        <v>22</v>
      </c>
      <c r="H12" s="17"/>
      <c r="I12" s="13">
        <v>572</v>
      </c>
      <c r="J12" s="19">
        <v>287</v>
      </c>
      <c r="K12" s="19">
        <v>285</v>
      </c>
    </row>
    <row r="13" spans="1:11" ht="15" customHeight="1">
      <c r="A13" s="17" t="s">
        <v>23</v>
      </c>
      <c r="B13" s="17"/>
      <c r="C13" s="13">
        <v>254</v>
      </c>
      <c r="D13" s="19">
        <v>123</v>
      </c>
      <c r="E13" s="19">
        <v>131</v>
      </c>
      <c r="F13" s="19"/>
      <c r="G13" s="18" t="s">
        <v>24</v>
      </c>
      <c r="H13" s="17"/>
      <c r="I13" s="13">
        <v>490</v>
      </c>
      <c r="J13" s="19">
        <v>271</v>
      </c>
      <c r="K13" s="19">
        <v>219</v>
      </c>
    </row>
    <row r="14" spans="1:11" ht="15" customHeight="1">
      <c r="A14" s="17" t="s">
        <v>25</v>
      </c>
      <c r="B14" s="17"/>
      <c r="C14" s="13">
        <v>290</v>
      </c>
      <c r="D14" s="19">
        <v>157</v>
      </c>
      <c r="E14" s="19">
        <v>133</v>
      </c>
      <c r="F14" s="19"/>
      <c r="G14" s="18" t="s">
        <v>26</v>
      </c>
      <c r="H14" s="17"/>
      <c r="I14" s="13">
        <v>553</v>
      </c>
      <c r="J14" s="19">
        <v>300</v>
      </c>
      <c r="K14" s="19">
        <v>253</v>
      </c>
    </row>
    <row r="15" spans="1:11" ht="15" customHeight="1">
      <c r="A15" s="17" t="s">
        <v>27</v>
      </c>
      <c r="B15" s="17"/>
      <c r="C15" s="13">
        <v>271</v>
      </c>
      <c r="D15" s="19">
        <v>145</v>
      </c>
      <c r="E15" s="19">
        <v>126</v>
      </c>
      <c r="F15" s="19"/>
      <c r="G15" s="18" t="s">
        <v>28</v>
      </c>
      <c r="H15" s="17"/>
      <c r="I15" s="13">
        <v>463</v>
      </c>
      <c r="J15" s="19">
        <v>226</v>
      </c>
      <c r="K15" s="19">
        <v>237</v>
      </c>
    </row>
    <row r="16" spans="1:11" ht="15" customHeight="1">
      <c r="A16" s="17" t="s">
        <v>29</v>
      </c>
      <c r="B16" s="17"/>
      <c r="C16" s="13">
        <v>298</v>
      </c>
      <c r="D16" s="19">
        <v>160</v>
      </c>
      <c r="E16" s="19">
        <v>138</v>
      </c>
      <c r="F16" s="19"/>
      <c r="G16" s="18" t="s">
        <v>30</v>
      </c>
      <c r="H16" s="17"/>
      <c r="I16" s="13">
        <v>445</v>
      </c>
      <c r="J16" s="19">
        <v>232</v>
      </c>
      <c r="K16" s="19">
        <v>213</v>
      </c>
    </row>
    <row r="17" spans="1:11" ht="20.100000000000001" customHeight="1">
      <c r="A17" s="20" t="s">
        <v>31</v>
      </c>
      <c r="B17" s="20"/>
      <c r="C17" s="13">
        <v>1702</v>
      </c>
      <c r="D17" s="14">
        <v>869</v>
      </c>
      <c r="E17" s="14">
        <v>833</v>
      </c>
      <c r="F17" s="14"/>
      <c r="G17" s="18" t="s">
        <v>32</v>
      </c>
      <c r="H17" s="17"/>
      <c r="I17" s="13">
        <v>2493</v>
      </c>
      <c r="J17" s="14">
        <v>1304</v>
      </c>
      <c r="K17" s="14">
        <v>1189</v>
      </c>
    </row>
    <row r="18" spans="1:11" ht="15" customHeight="1">
      <c r="A18" s="17" t="s">
        <v>33</v>
      </c>
      <c r="B18" s="17"/>
      <c r="C18" s="13">
        <v>319</v>
      </c>
      <c r="D18" s="19">
        <v>171</v>
      </c>
      <c r="E18" s="19">
        <v>148</v>
      </c>
      <c r="F18" s="19"/>
      <c r="G18" s="18" t="s">
        <v>34</v>
      </c>
      <c r="H18" s="17"/>
      <c r="I18" s="13">
        <v>463</v>
      </c>
      <c r="J18" s="19">
        <v>239</v>
      </c>
      <c r="K18" s="19">
        <v>224</v>
      </c>
    </row>
    <row r="19" spans="1:11" ht="15" customHeight="1">
      <c r="A19" s="17" t="s">
        <v>35</v>
      </c>
      <c r="B19" s="17"/>
      <c r="C19" s="13">
        <v>316</v>
      </c>
      <c r="D19" s="19">
        <v>167</v>
      </c>
      <c r="E19" s="19">
        <v>149</v>
      </c>
      <c r="F19" s="19"/>
      <c r="G19" s="18" t="s">
        <v>36</v>
      </c>
      <c r="H19" s="17"/>
      <c r="I19" s="13">
        <v>493</v>
      </c>
      <c r="J19" s="19">
        <v>260</v>
      </c>
      <c r="K19" s="19">
        <v>233</v>
      </c>
    </row>
    <row r="20" spans="1:11" ht="15" customHeight="1">
      <c r="A20" s="17" t="s">
        <v>37</v>
      </c>
      <c r="B20" s="17"/>
      <c r="C20" s="13">
        <v>347</v>
      </c>
      <c r="D20" s="19">
        <v>163</v>
      </c>
      <c r="E20" s="19">
        <v>184</v>
      </c>
      <c r="F20" s="19"/>
      <c r="G20" s="18" t="s">
        <v>38</v>
      </c>
      <c r="H20" s="17"/>
      <c r="I20" s="13">
        <v>517</v>
      </c>
      <c r="J20" s="19">
        <v>283</v>
      </c>
      <c r="K20" s="19">
        <v>234</v>
      </c>
    </row>
    <row r="21" spans="1:11" ht="15" customHeight="1">
      <c r="A21" s="17" t="s">
        <v>39</v>
      </c>
      <c r="B21" s="17"/>
      <c r="C21" s="13">
        <v>348</v>
      </c>
      <c r="D21" s="19">
        <v>186</v>
      </c>
      <c r="E21" s="19">
        <v>162</v>
      </c>
      <c r="F21" s="19"/>
      <c r="G21" s="18" t="s">
        <v>40</v>
      </c>
      <c r="H21" s="17"/>
      <c r="I21" s="13">
        <v>473</v>
      </c>
      <c r="J21" s="19">
        <v>246</v>
      </c>
      <c r="K21" s="19">
        <v>227</v>
      </c>
    </row>
    <row r="22" spans="1:11" ht="15" customHeight="1">
      <c r="A22" s="17" t="s">
        <v>41</v>
      </c>
      <c r="B22" s="17"/>
      <c r="C22" s="13">
        <v>372</v>
      </c>
      <c r="D22" s="19">
        <v>182</v>
      </c>
      <c r="E22" s="19">
        <v>190</v>
      </c>
      <c r="F22" s="19"/>
      <c r="G22" s="18" t="s">
        <v>42</v>
      </c>
      <c r="H22" s="17"/>
      <c r="I22" s="13">
        <v>547</v>
      </c>
      <c r="J22" s="19">
        <v>276</v>
      </c>
      <c r="K22" s="19">
        <v>271</v>
      </c>
    </row>
    <row r="23" spans="1:11" ht="20.100000000000001" customHeight="1">
      <c r="A23" s="17" t="s">
        <v>43</v>
      </c>
      <c r="B23" s="17"/>
      <c r="C23" s="13">
        <v>1840</v>
      </c>
      <c r="D23" s="14">
        <v>985</v>
      </c>
      <c r="E23" s="14">
        <v>855</v>
      </c>
      <c r="F23" s="14"/>
      <c r="G23" s="18" t="s">
        <v>44</v>
      </c>
      <c r="H23" s="17"/>
      <c r="I23" s="13">
        <v>3023</v>
      </c>
      <c r="J23" s="14">
        <v>1546</v>
      </c>
      <c r="K23" s="14">
        <v>1477</v>
      </c>
    </row>
    <row r="24" spans="1:11" ht="15" customHeight="1">
      <c r="A24" s="17" t="s">
        <v>45</v>
      </c>
      <c r="B24" s="17"/>
      <c r="C24" s="13">
        <v>327</v>
      </c>
      <c r="D24" s="19">
        <v>173</v>
      </c>
      <c r="E24" s="19">
        <v>154</v>
      </c>
      <c r="F24" s="19"/>
      <c r="G24" s="18" t="s">
        <v>46</v>
      </c>
      <c r="H24" s="17"/>
      <c r="I24" s="13">
        <v>557</v>
      </c>
      <c r="J24" s="19">
        <v>286</v>
      </c>
      <c r="K24" s="19">
        <v>271</v>
      </c>
    </row>
    <row r="25" spans="1:11" ht="15" customHeight="1">
      <c r="A25" s="17" t="s">
        <v>47</v>
      </c>
      <c r="B25" s="17"/>
      <c r="C25" s="13">
        <v>357</v>
      </c>
      <c r="D25" s="19">
        <v>187</v>
      </c>
      <c r="E25" s="19">
        <v>170</v>
      </c>
      <c r="F25" s="19"/>
      <c r="G25" s="18" t="s">
        <v>48</v>
      </c>
      <c r="H25" s="17"/>
      <c r="I25" s="13">
        <v>527</v>
      </c>
      <c r="J25" s="19">
        <v>268</v>
      </c>
      <c r="K25" s="19">
        <v>259</v>
      </c>
    </row>
    <row r="26" spans="1:11" ht="15" customHeight="1">
      <c r="A26" s="17" t="s">
        <v>49</v>
      </c>
      <c r="B26" s="17"/>
      <c r="C26" s="13">
        <v>342</v>
      </c>
      <c r="D26" s="19">
        <v>184</v>
      </c>
      <c r="E26" s="19">
        <v>158</v>
      </c>
      <c r="F26" s="19"/>
      <c r="G26" s="18" t="s">
        <v>50</v>
      </c>
      <c r="H26" s="17"/>
      <c r="I26" s="13">
        <v>624</v>
      </c>
      <c r="J26" s="19">
        <v>324</v>
      </c>
      <c r="K26" s="19">
        <v>300</v>
      </c>
    </row>
    <row r="27" spans="1:11" ht="15" customHeight="1">
      <c r="A27" s="17" t="s">
        <v>51</v>
      </c>
      <c r="B27" s="17"/>
      <c r="C27" s="13">
        <v>369</v>
      </c>
      <c r="D27" s="19">
        <v>203</v>
      </c>
      <c r="E27" s="19">
        <v>166</v>
      </c>
      <c r="F27" s="19"/>
      <c r="G27" s="18" t="s">
        <v>52</v>
      </c>
      <c r="H27" s="17"/>
      <c r="I27" s="13">
        <v>661</v>
      </c>
      <c r="J27" s="19">
        <v>333</v>
      </c>
      <c r="K27" s="19">
        <v>328</v>
      </c>
    </row>
    <row r="28" spans="1:11" ht="15" customHeight="1">
      <c r="A28" s="17" t="s">
        <v>53</v>
      </c>
      <c r="B28" s="17"/>
      <c r="C28" s="13">
        <v>445</v>
      </c>
      <c r="D28" s="19">
        <v>238</v>
      </c>
      <c r="E28" s="19">
        <v>207</v>
      </c>
      <c r="F28" s="19"/>
      <c r="G28" s="18" t="s">
        <v>54</v>
      </c>
      <c r="H28" s="17"/>
      <c r="I28" s="13">
        <v>654</v>
      </c>
      <c r="J28" s="19">
        <v>335</v>
      </c>
      <c r="K28" s="19">
        <v>319</v>
      </c>
    </row>
    <row r="29" spans="1:11" ht="20.100000000000001" customHeight="1">
      <c r="A29" s="17" t="s">
        <v>55</v>
      </c>
      <c r="B29" s="17"/>
      <c r="C29" s="13">
        <v>2013</v>
      </c>
      <c r="D29" s="14">
        <v>1146</v>
      </c>
      <c r="E29" s="14">
        <v>867</v>
      </c>
      <c r="F29" s="14"/>
      <c r="G29" s="18" t="s">
        <v>56</v>
      </c>
      <c r="H29" s="17"/>
      <c r="I29" s="13">
        <v>3520</v>
      </c>
      <c r="J29" s="14">
        <v>1741</v>
      </c>
      <c r="K29" s="14">
        <v>1779</v>
      </c>
    </row>
    <row r="30" spans="1:11" ht="15" customHeight="1">
      <c r="A30" s="17" t="s">
        <v>57</v>
      </c>
      <c r="B30" s="17"/>
      <c r="C30" s="13">
        <v>437</v>
      </c>
      <c r="D30" s="19">
        <v>229</v>
      </c>
      <c r="E30" s="19">
        <v>208</v>
      </c>
      <c r="F30" s="19"/>
      <c r="G30" s="18" t="s">
        <v>58</v>
      </c>
      <c r="H30" s="17"/>
      <c r="I30" s="13">
        <v>715</v>
      </c>
      <c r="J30" s="19">
        <v>353</v>
      </c>
      <c r="K30" s="19">
        <v>362</v>
      </c>
    </row>
    <row r="31" spans="1:11" ht="15" customHeight="1">
      <c r="A31" s="17" t="s">
        <v>59</v>
      </c>
      <c r="B31" s="17"/>
      <c r="C31" s="13">
        <v>426</v>
      </c>
      <c r="D31" s="19">
        <v>232</v>
      </c>
      <c r="E31" s="19">
        <v>194</v>
      </c>
      <c r="F31" s="19"/>
      <c r="G31" s="18" t="s">
        <v>60</v>
      </c>
      <c r="H31" s="17"/>
      <c r="I31" s="13">
        <v>807</v>
      </c>
      <c r="J31" s="19">
        <v>395</v>
      </c>
      <c r="K31" s="19">
        <v>412</v>
      </c>
    </row>
    <row r="32" spans="1:11" ht="15" customHeight="1">
      <c r="A32" s="17" t="s">
        <v>61</v>
      </c>
      <c r="B32" s="17"/>
      <c r="C32" s="13">
        <v>403</v>
      </c>
      <c r="D32" s="19">
        <v>242</v>
      </c>
      <c r="E32" s="19">
        <v>161</v>
      </c>
      <c r="F32" s="19"/>
      <c r="G32" s="18" t="s">
        <v>62</v>
      </c>
      <c r="H32" s="17"/>
      <c r="I32" s="13">
        <v>752</v>
      </c>
      <c r="J32" s="19">
        <v>387</v>
      </c>
      <c r="K32" s="19">
        <v>365</v>
      </c>
    </row>
    <row r="33" spans="1:11" ht="15" customHeight="1">
      <c r="A33" s="17" t="s">
        <v>63</v>
      </c>
      <c r="B33" s="17"/>
      <c r="C33" s="13">
        <v>374</v>
      </c>
      <c r="D33" s="19">
        <v>215</v>
      </c>
      <c r="E33" s="19">
        <v>159</v>
      </c>
      <c r="F33" s="19"/>
      <c r="G33" s="18" t="s">
        <v>64</v>
      </c>
      <c r="H33" s="17"/>
      <c r="I33" s="13">
        <v>765</v>
      </c>
      <c r="J33" s="19">
        <v>356</v>
      </c>
      <c r="K33" s="19">
        <v>409</v>
      </c>
    </row>
    <row r="34" spans="1:11" ht="15" customHeight="1">
      <c r="A34" s="17" t="s">
        <v>65</v>
      </c>
      <c r="B34" s="17"/>
      <c r="C34" s="13">
        <v>373</v>
      </c>
      <c r="D34" s="19">
        <v>228</v>
      </c>
      <c r="E34" s="19">
        <v>145</v>
      </c>
      <c r="F34" s="19"/>
      <c r="G34" s="18" t="s">
        <v>66</v>
      </c>
      <c r="H34" s="17"/>
      <c r="I34" s="13">
        <v>481</v>
      </c>
      <c r="J34" s="19">
        <v>250</v>
      </c>
      <c r="K34" s="19">
        <v>231</v>
      </c>
    </row>
    <row r="35" spans="1:11" ht="20.100000000000001" customHeight="1">
      <c r="A35" s="17" t="s">
        <v>67</v>
      </c>
      <c r="B35" s="17"/>
      <c r="C35" s="13">
        <v>1784</v>
      </c>
      <c r="D35" s="14">
        <v>1052</v>
      </c>
      <c r="E35" s="14">
        <v>732</v>
      </c>
      <c r="F35" s="14"/>
      <c r="G35" s="18" t="s">
        <v>68</v>
      </c>
      <c r="H35" s="17"/>
      <c r="I35" s="13">
        <v>2457</v>
      </c>
      <c r="J35" s="14">
        <v>1177</v>
      </c>
      <c r="K35" s="14">
        <v>1280</v>
      </c>
    </row>
    <row r="36" spans="1:11" ht="15" customHeight="1">
      <c r="A36" s="17" t="s">
        <v>69</v>
      </c>
      <c r="B36" s="17"/>
      <c r="C36" s="13">
        <v>388</v>
      </c>
      <c r="D36" s="19">
        <v>229</v>
      </c>
      <c r="E36" s="19">
        <v>159</v>
      </c>
      <c r="F36" s="19"/>
      <c r="G36" s="18" t="s">
        <v>70</v>
      </c>
      <c r="H36" s="17"/>
      <c r="I36" s="13">
        <v>420</v>
      </c>
      <c r="J36" s="19">
        <v>180</v>
      </c>
      <c r="K36" s="19">
        <v>240</v>
      </c>
    </row>
    <row r="37" spans="1:11" ht="15" customHeight="1">
      <c r="A37" s="17" t="s">
        <v>71</v>
      </c>
      <c r="B37" s="17"/>
      <c r="C37" s="13">
        <v>368</v>
      </c>
      <c r="D37" s="19">
        <v>215</v>
      </c>
      <c r="E37" s="19">
        <v>153</v>
      </c>
      <c r="F37" s="19"/>
      <c r="G37" s="18" t="s">
        <v>72</v>
      </c>
      <c r="H37" s="17"/>
      <c r="I37" s="13">
        <v>498</v>
      </c>
      <c r="J37" s="19">
        <v>240</v>
      </c>
      <c r="K37" s="19">
        <v>258</v>
      </c>
    </row>
    <row r="38" spans="1:11" ht="15" customHeight="1">
      <c r="A38" s="17" t="s">
        <v>73</v>
      </c>
      <c r="B38" s="17"/>
      <c r="C38" s="13">
        <v>382</v>
      </c>
      <c r="D38" s="19">
        <v>227</v>
      </c>
      <c r="E38" s="19">
        <v>155</v>
      </c>
      <c r="F38" s="19"/>
      <c r="G38" s="18" t="s">
        <v>74</v>
      </c>
      <c r="H38" s="17"/>
      <c r="I38" s="13">
        <v>569</v>
      </c>
      <c r="J38" s="19">
        <v>291</v>
      </c>
      <c r="K38" s="19">
        <v>278</v>
      </c>
    </row>
    <row r="39" spans="1:11" ht="15" customHeight="1">
      <c r="A39" s="17" t="s">
        <v>75</v>
      </c>
      <c r="B39" s="17"/>
      <c r="C39" s="13">
        <v>308</v>
      </c>
      <c r="D39" s="19">
        <v>180</v>
      </c>
      <c r="E39" s="19">
        <v>128</v>
      </c>
      <c r="F39" s="19"/>
      <c r="G39" s="18" t="s">
        <v>76</v>
      </c>
      <c r="H39" s="17"/>
      <c r="I39" s="13">
        <v>492</v>
      </c>
      <c r="J39" s="19">
        <v>241</v>
      </c>
      <c r="K39" s="19">
        <v>251</v>
      </c>
    </row>
    <row r="40" spans="1:11" ht="15" customHeight="1">
      <c r="A40" s="17" t="s">
        <v>77</v>
      </c>
      <c r="B40" s="17"/>
      <c r="C40" s="13">
        <v>338</v>
      </c>
      <c r="D40" s="19">
        <v>201</v>
      </c>
      <c r="E40" s="19">
        <v>137</v>
      </c>
      <c r="F40" s="19"/>
      <c r="G40" s="18" t="s">
        <v>78</v>
      </c>
      <c r="H40" s="17"/>
      <c r="I40" s="13">
        <v>478</v>
      </c>
      <c r="J40" s="19">
        <v>225</v>
      </c>
      <c r="K40" s="19">
        <v>253</v>
      </c>
    </row>
    <row r="41" spans="1:11" ht="20.100000000000001" customHeight="1">
      <c r="A41" s="17" t="s">
        <v>79</v>
      </c>
      <c r="B41" s="17"/>
      <c r="C41" s="13">
        <v>1720</v>
      </c>
      <c r="D41" s="14">
        <v>985</v>
      </c>
      <c r="E41" s="14">
        <v>735</v>
      </c>
      <c r="F41" s="14"/>
      <c r="G41" s="18" t="s">
        <v>80</v>
      </c>
      <c r="H41" s="17"/>
      <c r="I41" s="13">
        <v>1680</v>
      </c>
      <c r="J41" s="14">
        <v>761</v>
      </c>
      <c r="K41" s="14">
        <v>919</v>
      </c>
    </row>
    <row r="42" spans="1:11" ht="15" customHeight="1">
      <c r="A42" s="17" t="s">
        <v>81</v>
      </c>
      <c r="B42" s="17"/>
      <c r="C42" s="13">
        <v>331</v>
      </c>
      <c r="D42" s="19">
        <v>205</v>
      </c>
      <c r="E42" s="19">
        <v>126</v>
      </c>
      <c r="F42" s="19"/>
      <c r="G42" s="18" t="s">
        <v>82</v>
      </c>
      <c r="H42" s="17"/>
      <c r="I42" s="13">
        <v>438</v>
      </c>
      <c r="J42" s="19">
        <v>193</v>
      </c>
      <c r="K42" s="19">
        <v>245</v>
      </c>
    </row>
    <row r="43" spans="1:11" ht="15" customHeight="1">
      <c r="A43" s="17" t="s">
        <v>83</v>
      </c>
      <c r="B43" s="17"/>
      <c r="C43" s="13">
        <v>343</v>
      </c>
      <c r="D43" s="19">
        <v>204</v>
      </c>
      <c r="E43" s="19">
        <v>139</v>
      </c>
      <c r="F43" s="19"/>
      <c r="G43" s="18" t="s">
        <v>84</v>
      </c>
      <c r="H43" s="17"/>
      <c r="I43" s="13">
        <v>375</v>
      </c>
      <c r="J43" s="19">
        <v>175</v>
      </c>
      <c r="K43" s="19">
        <v>200</v>
      </c>
    </row>
    <row r="44" spans="1:11" ht="15" customHeight="1">
      <c r="A44" s="17" t="s">
        <v>85</v>
      </c>
      <c r="B44" s="17"/>
      <c r="C44" s="13">
        <v>346</v>
      </c>
      <c r="D44" s="19">
        <v>189</v>
      </c>
      <c r="E44" s="19">
        <v>157</v>
      </c>
      <c r="F44" s="19"/>
      <c r="G44" s="18" t="s">
        <v>86</v>
      </c>
      <c r="H44" s="17"/>
      <c r="I44" s="13">
        <v>315</v>
      </c>
      <c r="J44" s="19">
        <v>140</v>
      </c>
      <c r="K44" s="19">
        <v>175</v>
      </c>
    </row>
    <row r="45" spans="1:11" ht="15" customHeight="1">
      <c r="A45" s="17" t="s">
        <v>87</v>
      </c>
      <c r="B45" s="17"/>
      <c r="C45" s="13">
        <v>347</v>
      </c>
      <c r="D45" s="19">
        <v>195</v>
      </c>
      <c r="E45" s="19">
        <v>152</v>
      </c>
      <c r="F45" s="19"/>
      <c r="G45" s="18" t="s">
        <v>88</v>
      </c>
      <c r="H45" s="17"/>
      <c r="I45" s="13">
        <v>298</v>
      </c>
      <c r="J45" s="19">
        <v>129</v>
      </c>
      <c r="K45" s="19">
        <v>169</v>
      </c>
    </row>
    <row r="46" spans="1:11" ht="15" customHeight="1">
      <c r="A46" s="17" t="s">
        <v>89</v>
      </c>
      <c r="B46" s="17"/>
      <c r="C46" s="13">
        <v>353</v>
      </c>
      <c r="D46" s="19">
        <v>192</v>
      </c>
      <c r="E46" s="19">
        <v>161</v>
      </c>
      <c r="F46" s="19"/>
      <c r="G46" s="18" t="s">
        <v>90</v>
      </c>
      <c r="H46" s="17"/>
      <c r="I46" s="13">
        <v>254</v>
      </c>
      <c r="J46" s="19">
        <v>124</v>
      </c>
      <c r="K46" s="19">
        <v>130</v>
      </c>
    </row>
    <row r="47" spans="1:11" ht="20.100000000000001" customHeight="1">
      <c r="A47" s="17" t="s">
        <v>91</v>
      </c>
      <c r="B47" s="17"/>
      <c r="C47" s="13">
        <v>2074</v>
      </c>
      <c r="D47" s="14">
        <v>1106</v>
      </c>
      <c r="E47" s="14">
        <v>968</v>
      </c>
      <c r="F47" s="14"/>
      <c r="G47" s="18" t="s">
        <v>92</v>
      </c>
      <c r="H47" s="17"/>
      <c r="I47" s="13">
        <v>878</v>
      </c>
      <c r="J47" s="14">
        <v>360</v>
      </c>
      <c r="K47" s="14">
        <v>518</v>
      </c>
    </row>
    <row r="48" spans="1:11" ht="15" customHeight="1">
      <c r="A48" s="17" t="s">
        <v>93</v>
      </c>
      <c r="B48" s="17"/>
      <c r="C48" s="13">
        <v>398</v>
      </c>
      <c r="D48" s="19">
        <v>216</v>
      </c>
      <c r="E48" s="19">
        <v>182</v>
      </c>
      <c r="F48" s="19"/>
      <c r="G48" s="18" t="s">
        <v>94</v>
      </c>
      <c r="H48" s="17"/>
      <c r="I48" s="13">
        <v>244</v>
      </c>
      <c r="J48" s="19">
        <v>108</v>
      </c>
      <c r="K48" s="19">
        <v>136</v>
      </c>
    </row>
    <row r="49" spans="1:11" ht="15" customHeight="1">
      <c r="A49" s="17" t="s">
        <v>95</v>
      </c>
      <c r="B49" s="17"/>
      <c r="C49" s="13">
        <v>384</v>
      </c>
      <c r="D49" s="19">
        <v>206</v>
      </c>
      <c r="E49" s="19">
        <v>178</v>
      </c>
      <c r="F49" s="19"/>
      <c r="G49" s="18" t="s">
        <v>96</v>
      </c>
      <c r="H49" s="17"/>
      <c r="I49" s="13">
        <v>195</v>
      </c>
      <c r="J49" s="19">
        <v>76</v>
      </c>
      <c r="K49" s="19">
        <v>119</v>
      </c>
    </row>
    <row r="50" spans="1:11" ht="15" customHeight="1">
      <c r="A50" s="17" t="s">
        <v>97</v>
      </c>
      <c r="B50" s="17"/>
      <c r="C50" s="13">
        <v>411</v>
      </c>
      <c r="D50" s="19">
        <v>228</v>
      </c>
      <c r="E50" s="19">
        <v>183</v>
      </c>
      <c r="F50" s="19"/>
      <c r="G50" s="18" t="s">
        <v>98</v>
      </c>
      <c r="H50" s="17"/>
      <c r="I50" s="13">
        <v>168</v>
      </c>
      <c r="J50" s="19">
        <v>64</v>
      </c>
      <c r="K50" s="19">
        <v>104</v>
      </c>
    </row>
    <row r="51" spans="1:11" ht="15" customHeight="1">
      <c r="A51" s="17" t="s">
        <v>99</v>
      </c>
      <c r="B51" s="17"/>
      <c r="C51" s="13">
        <v>410</v>
      </c>
      <c r="D51" s="19">
        <v>224</v>
      </c>
      <c r="E51" s="19">
        <v>186</v>
      </c>
      <c r="F51" s="19"/>
      <c r="G51" s="18" t="s">
        <v>100</v>
      </c>
      <c r="H51" s="17"/>
      <c r="I51" s="13">
        <v>159</v>
      </c>
      <c r="J51" s="19">
        <v>68</v>
      </c>
      <c r="K51" s="19">
        <v>91</v>
      </c>
    </row>
    <row r="52" spans="1:11" ht="15" customHeight="1">
      <c r="A52" s="17" t="s">
        <v>101</v>
      </c>
      <c r="B52" s="17"/>
      <c r="C52" s="13">
        <v>471</v>
      </c>
      <c r="D52" s="19">
        <v>232</v>
      </c>
      <c r="E52" s="19">
        <v>239</v>
      </c>
      <c r="F52" s="19"/>
      <c r="G52" s="18" t="s">
        <v>102</v>
      </c>
      <c r="H52" s="17"/>
      <c r="I52" s="13">
        <v>112</v>
      </c>
      <c r="J52" s="19">
        <v>44</v>
      </c>
      <c r="K52" s="19">
        <v>68</v>
      </c>
    </row>
    <row r="53" spans="1:11" ht="20.100000000000001" customHeight="1">
      <c r="A53" s="17" t="s">
        <v>103</v>
      </c>
      <c r="B53" s="17"/>
      <c r="C53" s="13">
        <v>2467</v>
      </c>
      <c r="D53" s="14">
        <v>1323</v>
      </c>
      <c r="E53" s="14">
        <v>1144</v>
      </c>
      <c r="F53" s="14"/>
      <c r="G53" s="18" t="s">
        <v>104</v>
      </c>
      <c r="H53" s="17"/>
      <c r="I53" s="13">
        <v>316</v>
      </c>
      <c r="J53" s="14">
        <v>86</v>
      </c>
      <c r="K53" s="14">
        <v>230</v>
      </c>
    </row>
    <row r="54" spans="1:11" ht="15" customHeight="1">
      <c r="A54" s="17" t="s">
        <v>105</v>
      </c>
      <c r="B54" s="17"/>
      <c r="C54" s="13">
        <v>435</v>
      </c>
      <c r="D54" s="19">
        <v>235</v>
      </c>
      <c r="E54" s="19">
        <v>200</v>
      </c>
      <c r="F54" s="19"/>
      <c r="G54" s="18" t="s">
        <v>106</v>
      </c>
      <c r="H54" s="17"/>
      <c r="I54" s="13">
        <v>84</v>
      </c>
      <c r="J54" s="19">
        <v>22</v>
      </c>
      <c r="K54" s="19">
        <v>62</v>
      </c>
    </row>
    <row r="55" spans="1:11" ht="15" customHeight="1">
      <c r="A55" s="17" t="s">
        <v>107</v>
      </c>
      <c r="B55" s="17"/>
      <c r="C55" s="13">
        <v>431</v>
      </c>
      <c r="D55" s="19">
        <v>236</v>
      </c>
      <c r="E55" s="19">
        <v>195</v>
      </c>
      <c r="F55" s="19"/>
      <c r="G55" s="18" t="s">
        <v>108</v>
      </c>
      <c r="H55" s="17"/>
      <c r="I55" s="13">
        <v>74</v>
      </c>
      <c r="J55" s="19">
        <v>26</v>
      </c>
      <c r="K55" s="19">
        <v>48</v>
      </c>
    </row>
    <row r="56" spans="1:11" ht="15" customHeight="1">
      <c r="A56" s="17" t="s">
        <v>109</v>
      </c>
      <c r="B56" s="17"/>
      <c r="C56" s="13">
        <v>538</v>
      </c>
      <c r="D56" s="19">
        <v>285</v>
      </c>
      <c r="E56" s="19">
        <v>253</v>
      </c>
      <c r="F56" s="19"/>
      <c r="G56" s="18" t="s">
        <v>110</v>
      </c>
      <c r="H56" s="17"/>
      <c r="I56" s="13">
        <v>59</v>
      </c>
      <c r="J56" s="19">
        <v>11</v>
      </c>
      <c r="K56" s="19">
        <v>48</v>
      </c>
    </row>
    <row r="57" spans="1:11" ht="15" customHeight="1">
      <c r="A57" s="17" t="s">
        <v>111</v>
      </c>
      <c r="B57" s="17"/>
      <c r="C57" s="13">
        <v>555</v>
      </c>
      <c r="D57" s="19">
        <v>299</v>
      </c>
      <c r="E57" s="19">
        <v>256</v>
      </c>
      <c r="F57" s="19"/>
      <c r="G57" s="18" t="s">
        <v>112</v>
      </c>
      <c r="H57" s="17"/>
      <c r="I57" s="13">
        <v>61</v>
      </c>
      <c r="J57" s="19">
        <v>18</v>
      </c>
      <c r="K57" s="19">
        <v>43</v>
      </c>
    </row>
    <row r="58" spans="1:11" ht="15" customHeight="1">
      <c r="A58" s="17" t="s">
        <v>113</v>
      </c>
      <c r="B58" s="17"/>
      <c r="C58" s="13">
        <v>508</v>
      </c>
      <c r="D58" s="19">
        <v>268</v>
      </c>
      <c r="E58" s="19">
        <v>240</v>
      </c>
      <c r="F58" s="19"/>
      <c r="G58" s="18" t="s">
        <v>114</v>
      </c>
      <c r="H58" s="17"/>
      <c r="I58" s="13">
        <v>38</v>
      </c>
      <c r="J58" s="19">
        <v>9</v>
      </c>
      <c r="K58" s="19">
        <v>29</v>
      </c>
    </row>
    <row r="59" spans="1:11" ht="20.100000000000001" customHeight="1">
      <c r="A59" s="17" t="s">
        <v>115</v>
      </c>
      <c r="B59" s="17"/>
      <c r="C59" s="13">
        <v>3222</v>
      </c>
      <c r="D59" s="14">
        <v>1785</v>
      </c>
      <c r="E59" s="14">
        <v>1437</v>
      </c>
      <c r="F59" s="14"/>
      <c r="G59" s="18" t="s">
        <v>116</v>
      </c>
      <c r="H59" s="17"/>
      <c r="I59" s="13">
        <v>100</v>
      </c>
      <c r="J59" s="14">
        <v>16</v>
      </c>
      <c r="K59" s="14">
        <v>84</v>
      </c>
    </row>
    <row r="60" spans="1:11" ht="15" customHeight="1">
      <c r="A60" s="17" t="s">
        <v>117</v>
      </c>
      <c r="B60" s="17"/>
      <c r="C60" s="13">
        <v>546</v>
      </c>
      <c r="D60" s="19">
        <v>294</v>
      </c>
      <c r="E60" s="19">
        <v>252</v>
      </c>
      <c r="F60" s="19"/>
      <c r="G60" s="18" t="s">
        <v>118</v>
      </c>
      <c r="H60" s="17"/>
      <c r="I60" s="13">
        <v>43</v>
      </c>
      <c r="J60" s="19">
        <v>7</v>
      </c>
      <c r="K60" s="19">
        <v>36</v>
      </c>
    </row>
    <row r="61" spans="1:11" ht="15" customHeight="1">
      <c r="A61" s="17" t="s">
        <v>119</v>
      </c>
      <c r="B61" s="17"/>
      <c r="C61" s="13">
        <v>615</v>
      </c>
      <c r="D61" s="19">
        <v>345</v>
      </c>
      <c r="E61" s="19">
        <v>270</v>
      </c>
      <c r="F61" s="19"/>
      <c r="G61" s="18" t="s">
        <v>120</v>
      </c>
      <c r="H61" s="17"/>
      <c r="I61" s="13">
        <v>24</v>
      </c>
      <c r="J61" s="19">
        <v>4</v>
      </c>
      <c r="K61" s="19">
        <v>20</v>
      </c>
    </row>
    <row r="62" spans="1:11" ht="15" customHeight="1">
      <c r="A62" s="17" t="s">
        <v>121</v>
      </c>
      <c r="B62" s="17"/>
      <c r="C62" s="13">
        <v>709</v>
      </c>
      <c r="D62" s="19">
        <v>407</v>
      </c>
      <c r="E62" s="19">
        <v>302</v>
      </c>
      <c r="F62" s="19"/>
      <c r="G62" s="18" t="s">
        <v>122</v>
      </c>
      <c r="H62" s="17"/>
      <c r="I62" s="13">
        <v>15</v>
      </c>
      <c r="J62" s="19">
        <v>1</v>
      </c>
      <c r="K62" s="19">
        <v>14</v>
      </c>
    </row>
    <row r="63" spans="1:11" ht="15" customHeight="1">
      <c r="A63" s="17" t="s">
        <v>123</v>
      </c>
      <c r="B63" s="17"/>
      <c r="C63" s="13">
        <v>695</v>
      </c>
      <c r="D63" s="19">
        <v>381</v>
      </c>
      <c r="E63" s="19">
        <v>314</v>
      </c>
      <c r="F63" s="19"/>
      <c r="G63" s="18" t="s">
        <v>124</v>
      </c>
      <c r="H63" s="17"/>
      <c r="I63" s="13">
        <v>11</v>
      </c>
      <c r="J63" s="19">
        <v>4</v>
      </c>
      <c r="K63" s="19">
        <v>7</v>
      </c>
    </row>
    <row r="64" spans="1:11" ht="15" customHeight="1">
      <c r="A64" s="17" t="s">
        <v>125</v>
      </c>
      <c r="B64" s="17"/>
      <c r="C64" s="13">
        <v>657</v>
      </c>
      <c r="D64" s="19">
        <v>358</v>
      </c>
      <c r="E64" s="19">
        <v>299</v>
      </c>
      <c r="F64" s="19"/>
      <c r="G64" s="18" t="s">
        <v>126</v>
      </c>
      <c r="H64" s="17"/>
      <c r="I64" s="13">
        <v>7</v>
      </c>
      <c r="J64" s="19">
        <v>0</v>
      </c>
      <c r="K64" s="19">
        <v>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3</v>
      </c>
      <c r="J65" s="19">
        <v>2</v>
      </c>
      <c r="K65" s="19">
        <v>1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66</v>
      </c>
      <c r="J66" s="29">
        <v>297</v>
      </c>
      <c r="K66" s="29">
        <v>16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033</v>
      </c>
      <c r="D4" s="14">
        <v>1548</v>
      </c>
      <c r="E4" s="14">
        <v>148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1</v>
      </c>
      <c r="D5" s="14">
        <v>46</v>
      </c>
      <c r="E5" s="14">
        <v>45</v>
      </c>
      <c r="F5" s="14"/>
      <c r="G5" s="18" t="s">
        <v>8</v>
      </c>
      <c r="H5" s="17"/>
      <c r="I5" s="13">
        <v>199</v>
      </c>
      <c r="J5" s="14">
        <v>122</v>
      </c>
      <c r="K5" s="14">
        <v>77</v>
      </c>
    </row>
    <row r="6" spans="1:11" ht="15" customHeight="1">
      <c r="A6" s="17" t="s">
        <v>9</v>
      </c>
      <c r="B6" s="17"/>
      <c r="C6" s="13">
        <v>11</v>
      </c>
      <c r="D6" s="19">
        <v>8</v>
      </c>
      <c r="E6" s="19">
        <v>3</v>
      </c>
      <c r="F6" s="19"/>
      <c r="G6" s="18" t="s">
        <v>10</v>
      </c>
      <c r="H6" s="17"/>
      <c r="I6" s="13">
        <v>39</v>
      </c>
      <c r="J6" s="19">
        <v>27</v>
      </c>
      <c r="K6" s="19">
        <v>12</v>
      </c>
    </row>
    <row r="7" spans="1:11" ht="15" customHeight="1">
      <c r="A7" s="17" t="s">
        <v>11</v>
      </c>
      <c r="B7" s="17"/>
      <c r="C7" s="13">
        <v>17</v>
      </c>
      <c r="D7" s="19">
        <v>8</v>
      </c>
      <c r="E7" s="19">
        <v>9</v>
      </c>
      <c r="F7" s="19"/>
      <c r="G7" s="18" t="s">
        <v>12</v>
      </c>
      <c r="H7" s="17"/>
      <c r="I7" s="13">
        <v>43</v>
      </c>
      <c r="J7" s="19">
        <v>28</v>
      </c>
      <c r="K7" s="19">
        <v>15</v>
      </c>
    </row>
    <row r="8" spans="1:11" ht="15" customHeight="1">
      <c r="A8" s="17" t="s">
        <v>13</v>
      </c>
      <c r="B8" s="17"/>
      <c r="C8" s="13">
        <v>18</v>
      </c>
      <c r="D8" s="19">
        <v>7</v>
      </c>
      <c r="E8" s="19">
        <v>11</v>
      </c>
      <c r="F8" s="19"/>
      <c r="G8" s="18" t="s">
        <v>14</v>
      </c>
      <c r="H8" s="17"/>
      <c r="I8" s="13">
        <v>54</v>
      </c>
      <c r="J8" s="19">
        <v>33</v>
      </c>
      <c r="K8" s="19">
        <v>21</v>
      </c>
    </row>
    <row r="9" spans="1:11" ht="15" customHeight="1">
      <c r="A9" s="17" t="s">
        <v>15</v>
      </c>
      <c r="B9" s="17"/>
      <c r="C9" s="13">
        <v>24</v>
      </c>
      <c r="D9" s="19">
        <v>14</v>
      </c>
      <c r="E9" s="19">
        <v>10</v>
      </c>
      <c r="F9" s="19"/>
      <c r="G9" s="18" t="s">
        <v>16</v>
      </c>
      <c r="H9" s="17"/>
      <c r="I9" s="13">
        <v>36</v>
      </c>
      <c r="J9" s="19">
        <v>22</v>
      </c>
      <c r="K9" s="19">
        <v>14</v>
      </c>
    </row>
    <row r="10" spans="1:11" ht="15" customHeight="1">
      <c r="A10" s="17" t="s">
        <v>17</v>
      </c>
      <c r="B10" s="17"/>
      <c r="C10" s="13">
        <v>21</v>
      </c>
      <c r="D10" s="19">
        <v>9</v>
      </c>
      <c r="E10" s="19">
        <v>12</v>
      </c>
      <c r="F10" s="19"/>
      <c r="G10" s="18" t="s">
        <v>18</v>
      </c>
      <c r="H10" s="17"/>
      <c r="I10" s="13">
        <v>27</v>
      </c>
      <c r="J10" s="19">
        <v>12</v>
      </c>
      <c r="K10" s="19">
        <v>15</v>
      </c>
    </row>
    <row r="11" spans="1:11" ht="20.100000000000001" customHeight="1">
      <c r="A11" s="17" t="s">
        <v>19</v>
      </c>
      <c r="B11" s="17"/>
      <c r="C11" s="13">
        <v>94</v>
      </c>
      <c r="D11" s="14">
        <v>44</v>
      </c>
      <c r="E11" s="14">
        <v>50</v>
      </c>
      <c r="F11" s="14"/>
      <c r="G11" s="18" t="s">
        <v>20</v>
      </c>
      <c r="H11" s="17"/>
      <c r="I11" s="13">
        <v>195</v>
      </c>
      <c r="J11" s="14">
        <v>91</v>
      </c>
      <c r="K11" s="14">
        <v>104</v>
      </c>
    </row>
    <row r="12" spans="1:11" ht="15" customHeight="1">
      <c r="A12" s="17" t="s">
        <v>21</v>
      </c>
      <c r="B12" s="17"/>
      <c r="C12" s="13">
        <v>19</v>
      </c>
      <c r="D12" s="19">
        <v>9</v>
      </c>
      <c r="E12" s="19">
        <v>10</v>
      </c>
      <c r="F12" s="19"/>
      <c r="G12" s="18" t="s">
        <v>22</v>
      </c>
      <c r="H12" s="17"/>
      <c r="I12" s="13">
        <v>41</v>
      </c>
      <c r="J12" s="19">
        <v>18</v>
      </c>
      <c r="K12" s="19">
        <v>23</v>
      </c>
    </row>
    <row r="13" spans="1:11" ht="15" customHeight="1">
      <c r="A13" s="17" t="s">
        <v>23</v>
      </c>
      <c r="B13" s="17"/>
      <c r="C13" s="13">
        <v>15</v>
      </c>
      <c r="D13" s="19">
        <v>5</v>
      </c>
      <c r="E13" s="19">
        <v>10</v>
      </c>
      <c r="F13" s="19"/>
      <c r="G13" s="18" t="s">
        <v>24</v>
      </c>
      <c r="H13" s="17"/>
      <c r="I13" s="13">
        <v>36</v>
      </c>
      <c r="J13" s="19">
        <v>17</v>
      </c>
      <c r="K13" s="19">
        <v>19</v>
      </c>
    </row>
    <row r="14" spans="1:11" ht="15" customHeight="1">
      <c r="A14" s="17" t="s">
        <v>25</v>
      </c>
      <c r="B14" s="17"/>
      <c r="C14" s="13">
        <v>16</v>
      </c>
      <c r="D14" s="19">
        <v>9</v>
      </c>
      <c r="E14" s="19">
        <v>7</v>
      </c>
      <c r="F14" s="19"/>
      <c r="G14" s="18" t="s">
        <v>26</v>
      </c>
      <c r="H14" s="17"/>
      <c r="I14" s="13">
        <v>37</v>
      </c>
      <c r="J14" s="19">
        <v>16</v>
      </c>
      <c r="K14" s="19">
        <v>21</v>
      </c>
    </row>
    <row r="15" spans="1:11" ht="15" customHeight="1">
      <c r="A15" s="17" t="s">
        <v>27</v>
      </c>
      <c r="B15" s="17"/>
      <c r="C15" s="13">
        <v>23</v>
      </c>
      <c r="D15" s="19">
        <v>9</v>
      </c>
      <c r="E15" s="19">
        <v>14</v>
      </c>
      <c r="F15" s="19"/>
      <c r="G15" s="18" t="s">
        <v>28</v>
      </c>
      <c r="H15" s="17"/>
      <c r="I15" s="13">
        <v>48</v>
      </c>
      <c r="J15" s="19">
        <v>28</v>
      </c>
      <c r="K15" s="19">
        <v>20</v>
      </c>
    </row>
    <row r="16" spans="1:11" ht="15" customHeight="1">
      <c r="A16" s="17" t="s">
        <v>29</v>
      </c>
      <c r="B16" s="17"/>
      <c r="C16" s="13">
        <v>21</v>
      </c>
      <c r="D16" s="19">
        <v>12</v>
      </c>
      <c r="E16" s="19">
        <v>9</v>
      </c>
      <c r="F16" s="19"/>
      <c r="G16" s="18" t="s">
        <v>30</v>
      </c>
      <c r="H16" s="17"/>
      <c r="I16" s="13">
        <v>33</v>
      </c>
      <c r="J16" s="19">
        <v>12</v>
      </c>
      <c r="K16" s="19">
        <v>21</v>
      </c>
    </row>
    <row r="17" spans="1:11" ht="20.100000000000001" customHeight="1">
      <c r="A17" s="20" t="s">
        <v>31</v>
      </c>
      <c r="B17" s="20"/>
      <c r="C17" s="13">
        <v>122</v>
      </c>
      <c r="D17" s="14">
        <v>56</v>
      </c>
      <c r="E17" s="14">
        <v>66</v>
      </c>
      <c r="F17" s="14"/>
      <c r="G17" s="18" t="s">
        <v>32</v>
      </c>
      <c r="H17" s="17"/>
      <c r="I17" s="13">
        <v>226</v>
      </c>
      <c r="J17" s="14">
        <v>115</v>
      </c>
      <c r="K17" s="14">
        <v>111</v>
      </c>
    </row>
    <row r="18" spans="1:11" ht="15" customHeight="1">
      <c r="A18" s="17" t="s">
        <v>33</v>
      </c>
      <c r="B18" s="17"/>
      <c r="C18" s="13">
        <v>15</v>
      </c>
      <c r="D18" s="19">
        <v>6</v>
      </c>
      <c r="E18" s="19">
        <v>9</v>
      </c>
      <c r="F18" s="19"/>
      <c r="G18" s="18" t="s">
        <v>34</v>
      </c>
      <c r="H18" s="17"/>
      <c r="I18" s="13">
        <v>47</v>
      </c>
      <c r="J18" s="19">
        <v>23</v>
      </c>
      <c r="K18" s="19">
        <v>24</v>
      </c>
    </row>
    <row r="19" spans="1:11" ht="15" customHeight="1">
      <c r="A19" s="17" t="s">
        <v>35</v>
      </c>
      <c r="B19" s="17"/>
      <c r="C19" s="13">
        <v>28</v>
      </c>
      <c r="D19" s="19">
        <v>13</v>
      </c>
      <c r="E19" s="19">
        <v>15</v>
      </c>
      <c r="F19" s="19"/>
      <c r="G19" s="18" t="s">
        <v>36</v>
      </c>
      <c r="H19" s="17"/>
      <c r="I19" s="13">
        <v>43</v>
      </c>
      <c r="J19" s="19">
        <v>19</v>
      </c>
      <c r="K19" s="19">
        <v>24</v>
      </c>
    </row>
    <row r="20" spans="1:11" ht="15" customHeight="1">
      <c r="A20" s="17" t="s">
        <v>37</v>
      </c>
      <c r="B20" s="17"/>
      <c r="C20" s="13">
        <v>27</v>
      </c>
      <c r="D20" s="19">
        <v>12</v>
      </c>
      <c r="E20" s="19">
        <v>15</v>
      </c>
      <c r="F20" s="19"/>
      <c r="G20" s="18" t="s">
        <v>38</v>
      </c>
      <c r="H20" s="17"/>
      <c r="I20" s="13">
        <v>43</v>
      </c>
      <c r="J20" s="19">
        <v>24</v>
      </c>
      <c r="K20" s="19">
        <v>19</v>
      </c>
    </row>
    <row r="21" spans="1:11" ht="15" customHeight="1">
      <c r="A21" s="17" t="s">
        <v>39</v>
      </c>
      <c r="B21" s="17"/>
      <c r="C21" s="13">
        <v>25</v>
      </c>
      <c r="D21" s="19">
        <v>13</v>
      </c>
      <c r="E21" s="19">
        <v>12</v>
      </c>
      <c r="F21" s="19"/>
      <c r="G21" s="18" t="s">
        <v>40</v>
      </c>
      <c r="H21" s="17"/>
      <c r="I21" s="13">
        <v>41</v>
      </c>
      <c r="J21" s="19">
        <v>18</v>
      </c>
      <c r="K21" s="19">
        <v>23</v>
      </c>
    </row>
    <row r="22" spans="1:11" ht="15" customHeight="1">
      <c r="A22" s="17" t="s">
        <v>41</v>
      </c>
      <c r="B22" s="17"/>
      <c r="C22" s="13">
        <v>27</v>
      </c>
      <c r="D22" s="19">
        <v>12</v>
      </c>
      <c r="E22" s="19">
        <v>15</v>
      </c>
      <c r="F22" s="19"/>
      <c r="G22" s="18" t="s">
        <v>42</v>
      </c>
      <c r="H22" s="17"/>
      <c r="I22" s="13">
        <v>52</v>
      </c>
      <c r="J22" s="19">
        <v>31</v>
      </c>
      <c r="K22" s="19">
        <v>21</v>
      </c>
    </row>
    <row r="23" spans="1:11" ht="20.100000000000001" customHeight="1">
      <c r="A23" s="17" t="s">
        <v>43</v>
      </c>
      <c r="B23" s="17"/>
      <c r="C23" s="13">
        <v>110</v>
      </c>
      <c r="D23" s="14">
        <v>62</v>
      </c>
      <c r="E23" s="14">
        <v>48</v>
      </c>
      <c r="F23" s="14"/>
      <c r="G23" s="18" t="s">
        <v>44</v>
      </c>
      <c r="H23" s="17"/>
      <c r="I23" s="13">
        <v>310</v>
      </c>
      <c r="J23" s="14">
        <v>163</v>
      </c>
      <c r="K23" s="14">
        <v>147</v>
      </c>
    </row>
    <row r="24" spans="1:11" ht="15" customHeight="1">
      <c r="A24" s="17" t="s">
        <v>45</v>
      </c>
      <c r="B24" s="17"/>
      <c r="C24" s="13">
        <v>15</v>
      </c>
      <c r="D24" s="19">
        <v>6</v>
      </c>
      <c r="E24" s="19">
        <v>9</v>
      </c>
      <c r="F24" s="19"/>
      <c r="G24" s="18" t="s">
        <v>46</v>
      </c>
      <c r="H24" s="17"/>
      <c r="I24" s="13">
        <v>69</v>
      </c>
      <c r="J24" s="19">
        <v>49</v>
      </c>
      <c r="K24" s="19">
        <v>20</v>
      </c>
    </row>
    <row r="25" spans="1:11" ht="15" customHeight="1">
      <c r="A25" s="17" t="s">
        <v>47</v>
      </c>
      <c r="B25" s="17"/>
      <c r="C25" s="13">
        <v>26</v>
      </c>
      <c r="D25" s="19">
        <v>17</v>
      </c>
      <c r="E25" s="19">
        <v>9</v>
      </c>
      <c r="F25" s="19"/>
      <c r="G25" s="18" t="s">
        <v>48</v>
      </c>
      <c r="H25" s="17"/>
      <c r="I25" s="13">
        <v>64</v>
      </c>
      <c r="J25" s="19">
        <v>32</v>
      </c>
      <c r="K25" s="19">
        <v>32</v>
      </c>
    </row>
    <row r="26" spans="1:11" ht="15" customHeight="1">
      <c r="A26" s="17" t="s">
        <v>49</v>
      </c>
      <c r="B26" s="17"/>
      <c r="C26" s="13">
        <v>22</v>
      </c>
      <c r="D26" s="19">
        <v>14</v>
      </c>
      <c r="E26" s="19">
        <v>8</v>
      </c>
      <c r="F26" s="19"/>
      <c r="G26" s="18" t="s">
        <v>50</v>
      </c>
      <c r="H26" s="17"/>
      <c r="I26" s="13">
        <v>57</v>
      </c>
      <c r="J26" s="19">
        <v>25</v>
      </c>
      <c r="K26" s="19">
        <v>32</v>
      </c>
    </row>
    <row r="27" spans="1:11" ht="15" customHeight="1">
      <c r="A27" s="17" t="s">
        <v>51</v>
      </c>
      <c r="B27" s="17"/>
      <c r="C27" s="13">
        <v>26</v>
      </c>
      <c r="D27" s="19">
        <v>15</v>
      </c>
      <c r="E27" s="19">
        <v>11</v>
      </c>
      <c r="F27" s="19"/>
      <c r="G27" s="18" t="s">
        <v>52</v>
      </c>
      <c r="H27" s="17"/>
      <c r="I27" s="13">
        <v>54</v>
      </c>
      <c r="J27" s="19">
        <v>29</v>
      </c>
      <c r="K27" s="19">
        <v>25</v>
      </c>
    </row>
    <row r="28" spans="1:11" ht="15" customHeight="1">
      <c r="A28" s="17" t="s">
        <v>53</v>
      </c>
      <c r="B28" s="17"/>
      <c r="C28" s="13">
        <v>21</v>
      </c>
      <c r="D28" s="19">
        <v>10</v>
      </c>
      <c r="E28" s="19">
        <v>11</v>
      </c>
      <c r="F28" s="19"/>
      <c r="G28" s="18" t="s">
        <v>54</v>
      </c>
      <c r="H28" s="17"/>
      <c r="I28" s="13">
        <v>66</v>
      </c>
      <c r="J28" s="19">
        <v>28</v>
      </c>
      <c r="K28" s="19">
        <v>38</v>
      </c>
    </row>
    <row r="29" spans="1:11" ht="20.100000000000001" customHeight="1">
      <c r="A29" s="17" t="s">
        <v>55</v>
      </c>
      <c r="B29" s="17"/>
      <c r="C29" s="13">
        <v>90</v>
      </c>
      <c r="D29" s="14">
        <v>55</v>
      </c>
      <c r="E29" s="14">
        <v>35</v>
      </c>
      <c r="F29" s="14"/>
      <c r="G29" s="18" t="s">
        <v>56</v>
      </c>
      <c r="H29" s="17"/>
      <c r="I29" s="13">
        <v>333</v>
      </c>
      <c r="J29" s="14">
        <v>161</v>
      </c>
      <c r="K29" s="14">
        <v>172</v>
      </c>
    </row>
    <row r="30" spans="1:11" ht="15" customHeight="1">
      <c r="A30" s="17" t="s">
        <v>57</v>
      </c>
      <c r="B30" s="17"/>
      <c r="C30" s="13">
        <v>22</v>
      </c>
      <c r="D30" s="19">
        <v>16</v>
      </c>
      <c r="E30" s="19">
        <v>6</v>
      </c>
      <c r="F30" s="19"/>
      <c r="G30" s="18" t="s">
        <v>58</v>
      </c>
      <c r="H30" s="17"/>
      <c r="I30" s="13">
        <v>68</v>
      </c>
      <c r="J30" s="19">
        <v>25</v>
      </c>
      <c r="K30" s="19">
        <v>43</v>
      </c>
    </row>
    <row r="31" spans="1:11" ht="15" customHeight="1">
      <c r="A31" s="17" t="s">
        <v>59</v>
      </c>
      <c r="B31" s="17"/>
      <c r="C31" s="13">
        <v>16</v>
      </c>
      <c r="D31" s="19">
        <v>8</v>
      </c>
      <c r="E31" s="19">
        <v>8</v>
      </c>
      <c r="F31" s="19"/>
      <c r="G31" s="18" t="s">
        <v>60</v>
      </c>
      <c r="H31" s="17"/>
      <c r="I31" s="13">
        <v>76</v>
      </c>
      <c r="J31" s="19">
        <v>36</v>
      </c>
      <c r="K31" s="19">
        <v>40</v>
      </c>
    </row>
    <row r="32" spans="1:11" ht="15" customHeight="1">
      <c r="A32" s="17" t="s">
        <v>61</v>
      </c>
      <c r="B32" s="17"/>
      <c r="C32" s="13">
        <v>26</v>
      </c>
      <c r="D32" s="19">
        <v>17</v>
      </c>
      <c r="E32" s="19">
        <v>9</v>
      </c>
      <c r="F32" s="19"/>
      <c r="G32" s="18" t="s">
        <v>62</v>
      </c>
      <c r="H32" s="17"/>
      <c r="I32" s="13">
        <v>74</v>
      </c>
      <c r="J32" s="19">
        <v>39</v>
      </c>
      <c r="K32" s="19">
        <v>35</v>
      </c>
    </row>
    <row r="33" spans="1:11" ht="15" customHeight="1">
      <c r="A33" s="17" t="s">
        <v>63</v>
      </c>
      <c r="B33" s="17"/>
      <c r="C33" s="13">
        <v>11</v>
      </c>
      <c r="D33" s="19">
        <v>4</v>
      </c>
      <c r="E33" s="19">
        <v>7</v>
      </c>
      <c r="F33" s="19"/>
      <c r="G33" s="18" t="s">
        <v>64</v>
      </c>
      <c r="H33" s="17"/>
      <c r="I33" s="13">
        <v>71</v>
      </c>
      <c r="J33" s="19">
        <v>37</v>
      </c>
      <c r="K33" s="19">
        <v>34</v>
      </c>
    </row>
    <row r="34" spans="1:11" ht="15" customHeight="1">
      <c r="A34" s="17" t="s">
        <v>65</v>
      </c>
      <c r="B34" s="17"/>
      <c r="C34" s="13">
        <v>15</v>
      </c>
      <c r="D34" s="19">
        <v>10</v>
      </c>
      <c r="E34" s="19">
        <v>5</v>
      </c>
      <c r="F34" s="19"/>
      <c r="G34" s="18" t="s">
        <v>66</v>
      </c>
      <c r="H34" s="17"/>
      <c r="I34" s="13">
        <v>44</v>
      </c>
      <c r="J34" s="19">
        <v>24</v>
      </c>
      <c r="K34" s="19">
        <v>20</v>
      </c>
    </row>
    <row r="35" spans="1:11" ht="20.100000000000001" customHeight="1">
      <c r="A35" s="17" t="s">
        <v>67</v>
      </c>
      <c r="B35" s="17"/>
      <c r="C35" s="13">
        <v>70</v>
      </c>
      <c r="D35" s="14">
        <v>38</v>
      </c>
      <c r="E35" s="14">
        <v>32</v>
      </c>
      <c r="F35" s="14"/>
      <c r="G35" s="18" t="s">
        <v>68</v>
      </c>
      <c r="H35" s="17"/>
      <c r="I35" s="13">
        <v>224</v>
      </c>
      <c r="J35" s="14">
        <v>111</v>
      </c>
      <c r="K35" s="14">
        <v>113</v>
      </c>
    </row>
    <row r="36" spans="1:11" ht="15" customHeight="1">
      <c r="A36" s="17" t="s">
        <v>69</v>
      </c>
      <c r="B36" s="17"/>
      <c r="C36" s="13">
        <v>8</v>
      </c>
      <c r="D36" s="19">
        <v>2</v>
      </c>
      <c r="E36" s="19">
        <v>6</v>
      </c>
      <c r="F36" s="19"/>
      <c r="G36" s="18" t="s">
        <v>70</v>
      </c>
      <c r="H36" s="17"/>
      <c r="I36" s="13">
        <v>43</v>
      </c>
      <c r="J36" s="19">
        <v>19</v>
      </c>
      <c r="K36" s="19">
        <v>24</v>
      </c>
    </row>
    <row r="37" spans="1:11" ht="15" customHeight="1">
      <c r="A37" s="17" t="s">
        <v>71</v>
      </c>
      <c r="B37" s="17"/>
      <c r="C37" s="13">
        <v>21</v>
      </c>
      <c r="D37" s="19">
        <v>14</v>
      </c>
      <c r="E37" s="19">
        <v>7</v>
      </c>
      <c r="F37" s="19"/>
      <c r="G37" s="18" t="s">
        <v>72</v>
      </c>
      <c r="H37" s="17"/>
      <c r="I37" s="13">
        <v>50</v>
      </c>
      <c r="J37" s="19">
        <v>25</v>
      </c>
      <c r="K37" s="19">
        <v>25</v>
      </c>
    </row>
    <row r="38" spans="1:11" ht="15" customHeight="1">
      <c r="A38" s="17" t="s">
        <v>73</v>
      </c>
      <c r="B38" s="17"/>
      <c r="C38" s="13">
        <v>11</v>
      </c>
      <c r="D38" s="19">
        <v>5</v>
      </c>
      <c r="E38" s="19">
        <v>6</v>
      </c>
      <c r="F38" s="19"/>
      <c r="G38" s="18" t="s">
        <v>74</v>
      </c>
      <c r="H38" s="17"/>
      <c r="I38" s="13">
        <v>43</v>
      </c>
      <c r="J38" s="19">
        <v>25</v>
      </c>
      <c r="K38" s="19">
        <v>18</v>
      </c>
    </row>
    <row r="39" spans="1:11" ht="15" customHeight="1">
      <c r="A39" s="17" t="s">
        <v>75</v>
      </c>
      <c r="B39" s="17"/>
      <c r="C39" s="13">
        <v>15</v>
      </c>
      <c r="D39" s="19">
        <v>8</v>
      </c>
      <c r="E39" s="19">
        <v>7</v>
      </c>
      <c r="F39" s="19"/>
      <c r="G39" s="18" t="s">
        <v>76</v>
      </c>
      <c r="H39" s="17"/>
      <c r="I39" s="13">
        <v>48</v>
      </c>
      <c r="J39" s="19">
        <v>25</v>
      </c>
      <c r="K39" s="19">
        <v>23</v>
      </c>
    </row>
    <row r="40" spans="1:11" ht="15" customHeight="1">
      <c r="A40" s="17" t="s">
        <v>77</v>
      </c>
      <c r="B40" s="17"/>
      <c r="C40" s="13">
        <v>15</v>
      </c>
      <c r="D40" s="19">
        <v>9</v>
      </c>
      <c r="E40" s="19">
        <v>6</v>
      </c>
      <c r="F40" s="19"/>
      <c r="G40" s="18" t="s">
        <v>78</v>
      </c>
      <c r="H40" s="17"/>
      <c r="I40" s="13">
        <v>40</v>
      </c>
      <c r="J40" s="19">
        <v>17</v>
      </c>
      <c r="K40" s="19">
        <v>23</v>
      </c>
    </row>
    <row r="41" spans="1:11" ht="20.100000000000001" customHeight="1">
      <c r="A41" s="17" t="s">
        <v>79</v>
      </c>
      <c r="B41" s="17"/>
      <c r="C41" s="13">
        <v>105</v>
      </c>
      <c r="D41" s="14">
        <v>56</v>
      </c>
      <c r="E41" s="14">
        <v>49</v>
      </c>
      <c r="F41" s="14"/>
      <c r="G41" s="18" t="s">
        <v>80</v>
      </c>
      <c r="H41" s="17"/>
      <c r="I41" s="13">
        <v>148</v>
      </c>
      <c r="J41" s="14">
        <v>65</v>
      </c>
      <c r="K41" s="14">
        <v>83</v>
      </c>
    </row>
    <row r="42" spans="1:11" ht="15" customHeight="1">
      <c r="A42" s="17" t="s">
        <v>81</v>
      </c>
      <c r="B42" s="17"/>
      <c r="C42" s="13">
        <v>17</v>
      </c>
      <c r="D42" s="19">
        <v>6</v>
      </c>
      <c r="E42" s="19">
        <v>11</v>
      </c>
      <c r="F42" s="19"/>
      <c r="G42" s="18" t="s">
        <v>82</v>
      </c>
      <c r="H42" s="17"/>
      <c r="I42" s="13">
        <v>37</v>
      </c>
      <c r="J42" s="19">
        <v>16</v>
      </c>
      <c r="K42" s="19">
        <v>21</v>
      </c>
    </row>
    <row r="43" spans="1:11" ht="15" customHeight="1">
      <c r="A43" s="17" t="s">
        <v>83</v>
      </c>
      <c r="B43" s="17"/>
      <c r="C43" s="13">
        <v>16</v>
      </c>
      <c r="D43" s="19">
        <v>11</v>
      </c>
      <c r="E43" s="19">
        <v>5</v>
      </c>
      <c r="F43" s="19"/>
      <c r="G43" s="18" t="s">
        <v>84</v>
      </c>
      <c r="H43" s="17"/>
      <c r="I43" s="13">
        <v>29</v>
      </c>
      <c r="J43" s="19">
        <v>14</v>
      </c>
      <c r="K43" s="19">
        <v>15</v>
      </c>
    </row>
    <row r="44" spans="1:11" ht="15" customHeight="1">
      <c r="A44" s="17" t="s">
        <v>85</v>
      </c>
      <c r="B44" s="17"/>
      <c r="C44" s="13">
        <v>27</v>
      </c>
      <c r="D44" s="19">
        <v>15</v>
      </c>
      <c r="E44" s="19">
        <v>12</v>
      </c>
      <c r="F44" s="19"/>
      <c r="G44" s="18" t="s">
        <v>86</v>
      </c>
      <c r="H44" s="17"/>
      <c r="I44" s="13">
        <v>24</v>
      </c>
      <c r="J44" s="19">
        <v>12</v>
      </c>
      <c r="K44" s="19">
        <v>12</v>
      </c>
    </row>
    <row r="45" spans="1:11" ht="15" customHeight="1">
      <c r="A45" s="17" t="s">
        <v>87</v>
      </c>
      <c r="B45" s="17"/>
      <c r="C45" s="13">
        <v>22</v>
      </c>
      <c r="D45" s="19">
        <v>13</v>
      </c>
      <c r="E45" s="19">
        <v>9</v>
      </c>
      <c r="F45" s="19"/>
      <c r="G45" s="18" t="s">
        <v>88</v>
      </c>
      <c r="H45" s="17"/>
      <c r="I45" s="13">
        <v>22</v>
      </c>
      <c r="J45" s="19">
        <v>11</v>
      </c>
      <c r="K45" s="19">
        <v>11</v>
      </c>
    </row>
    <row r="46" spans="1:11" ht="15" customHeight="1">
      <c r="A46" s="17" t="s">
        <v>89</v>
      </c>
      <c r="B46" s="17"/>
      <c r="C46" s="13">
        <v>23</v>
      </c>
      <c r="D46" s="19">
        <v>11</v>
      </c>
      <c r="E46" s="19">
        <v>12</v>
      </c>
      <c r="F46" s="19"/>
      <c r="G46" s="18" t="s">
        <v>90</v>
      </c>
      <c r="H46" s="17"/>
      <c r="I46" s="13">
        <v>36</v>
      </c>
      <c r="J46" s="19">
        <v>12</v>
      </c>
      <c r="K46" s="19">
        <v>24</v>
      </c>
    </row>
    <row r="47" spans="1:11" ht="20.100000000000001" customHeight="1">
      <c r="A47" s="17" t="s">
        <v>91</v>
      </c>
      <c r="B47" s="17"/>
      <c r="C47" s="13">
        <v>154</v>
      </c>
      <c r="D47" s="14">
        <v>81</v>
      </c>
      <c r="E47" s="14">
        <v>73</v>
      </c>
      <c r="F47" s="14"/>
      <c r="G47" s="18" t="s">
        <v>92</v>
      </c>
      <c r="H47" s="17"/>
      <c r="I47" s="13">
        <v>80</v>
      </c>
      <c r="J47" s="14">
        <v>29</v>
      </c>
      <c r="K47" s="14">
        <v>51</v>
      </c>
    </row>
    <row r="48" spans="1:11" ht="15" customHeight="1">
      <c r="A48" s="17" t="s">
        <v>93</v>
      </c>
      <c r="B48" s="17"/>
      <c r="C48" s="13">
        <v>22</v>
      </c>
      <c r="D48" s="19">
        <v>13</v>
      </c>
      <c r="E48" s="19">
        <v>9</v>
      </c>
      <c r="F48" s="19"/>
      <c r="G48" s="18" t="s">
        <v>94</v>
      </c>
      <c r="H48" s="17"/>
      <c r="I48" s="13">
        <v>24</v>
      </c>
      <c r="J48" s="19">
        <v>13</v>
      </c>
      <c r="K48" s="19">
        <v>11</v>
      </c>
    </row>
    <row r="49" spans="1:11" ht="15" customHeight="1">
      <c r="A49" s="17" t="s">
        <v>95</v>
      </c>
      <c r="B49" s="17"/>
      <c r="C49" s="13">
        <v>46</v>
      </c>
      <c r="D49" s="19">
        <v>22</v>
      </c>
      <c r="E49" s="19">
        <v>24</v>
      </c>
      <c r="F49" s="19"/>
      <c r="G49" s="18" t="s">
        <v>96</v>
      </c>
      <c r="H49" s="17"/>
      <c r="I49" s="13">
        <v>18</v>
      </c>
      <c r="J49" s="19">
        <v>4</v>
      </c>
      <c r="K49" s="19">
        <v>14</v>
      </c>
    </row>
    <row r="50" spans="1:11" ht="15" customHeight="1">
      <c r="A50" s="17" t="s">
        <v>97</v>
      </c>
      <c r="B50" s="17"/>
      <c r="C50" s="13">
        <v>24</v>
      </c>
      <c r="D50" s="19">
        <v>16</v>
      </c>
      <c r="E50" s="19">
        <v>8</v>
      </c>
      <c r="F50" s="19"/>
      <c r="G50" s="18" t="s">
        <v>98</v>
      </c>
      <c r="H50" s="17"/>
      <c r="I50" s="13">
        <v>12</v>
      </c>
      <c r="J50" s="19">
        <v>4</v>
      </c>
      <c r="K50" s="19">
        <v>8</v>
      </c>
    </row>
    <row r="51" spans="1:11" ht="15" customHeight="1">
      <c r="A51" s="17" t="s">
        <v>99</v>
      </c>
      <c r="B51" s="17"/>
      <c r="C51" s="13">
        <v>30</v>
      </c>
      <c r="D51" s="19">
        <v>17</v>
      </c>
      <c r="E51" s="19">
        <v>13</v>
      </c>
      <c r="F51" s="19"/>
      <c r="G51" s="18" t="s">
        <v>100</v>
      </c>
      <c r="H51" s="17"/>
      <c r="I51" s="13">
        <v>15</v>
      </c>
      <c r="J51" s="19">
        <v>4</v>
      </c>
      <c r="K51" s="19">
        <v>11</v>
      </c>
    </row>
    <row r="52" spans="1:11" ht="15" customHeight="1">
      <c r="A52" s="17" t="s">
        <v>101</v>
      </c>
      <c r="B52" s="17"/>
      <c r="C52" s="13">
        <v>32</v>
      </c>
      <c r="D52" s="19">
        <v>13</v>
      </c>
      <c r="E52" s="19">
        <v>19</v>
      </c>
      <c r="F52" s="19"/>
      <c r="G52" s="18" t="s">
        <v>102</v>
      </c>
      <c r="H52" s="17"/>
      <c r="I52" s="13">
        <v>11</v>
      </c>
      <c r="J52" s="19">
        <v>4</v>
      </c>
      <c r="K52" s="19">
        <v>7</v>
      </c>
    </row>
    <row r="53" spans="1:11" ht="20.100000000000001" customHeight="1">
      <c r="A53" s="17" t="s">
        <v>103</v>
      </c>
      <c r="B53" s="17"/>
      <c r="C53" s="13">
        <v>192</v>
      </c>
      <c r="D53" s="14">
        <v>100</v>
      </c>
      <c r="E53" s="14">
        <v>92</v>
      </c>
      <c r="F53" s="14"/>
      <c r="G53" s="18" t="s">
        <v>104</v>
      </c>
      <c r="H53" s="17"/>
      <c r="I53" s="13">
        <v>44</v>
      </c>
      <c r="J53" s="14">
        <v>13</v>
      </c>
      <c r="K53" s="14">
        <v>31</v>
      </c>
    </row>
    <row r="54" spans="1:11" ht="15" customHeight="1">
      <c r="A54" s="17" t="s">
        <v>105</v>
      </c>
      <c r="B54" s="17"/>
      <c r="C54" s="13">
        <v>39</v>
      </c>
      <c r="D54" s="19">
        <v>17</v>
      </c>
      <c r="E54" s="19">
        <v>22</v>
      </c>
      <c r="F54" s="19"/>
      <c r="G54" s="18" t="s">
        <v>106</v>
      </c>
      <c r="H54" s="17"/>
      <c r="I54" s="13">
        <v>12</v>
      </c>
      <c r="J54" s="19">
        <v>6</v>
      </c>
      <c r="K54" s="19">
        <v>6</v>
      </c>
    </row>
    <row r="55" spans="1:11" ht="15" customHeight="1">
      <c r="A55" s="17" t="s">
        <v>107</v>
      </c>
      <c r="B55" s="17"/>
      <c r="C55" s="13">
        <v>31</v>
      </c>
      <c r="D55" s="19">
        <v>16</v>
      </c>
      <c r="E55" s="19">
        <v>15</v>
      </c>
      <c r="F55" s="19"/>
      <c r="G55" s="18" t="s">
        <v>108</v>
      </c>
      <c r="H55" s="17"/>
      <c r="I55" s="13">
        <v>6</v>
      </c>
      <c r="J55" s="19">
        <v>1</v>
      </c>
      <c r="K55" s="19">
        <v>5</v>
      </c>
    </row>
    <row r="56" spans="1:11" ht="15" customHeight="1">
      <c r="A56" s="17" t="s">
        <v>109</v>
      </c>
      <c r="B56" s="17"/>
      <c r="C56" s="13">
        <v>36</v>
      </c>
      <c r="D56" s="19">
        <v>17</v>
      </c>
      <c r="E56" s="19">
        <v>19</v>
      </c>
      <c r="F56" s="19"/>
      <c r="G56" s="18" t="s">
        <v>110</v>
      </c>
      <c r="H56" s="17"/>
      <c r="I56" s="13">
        <v>10</v>
      </c>
      <c r="J56" s="19">
        <v>1</v>
      </c>
      <c r="K56" s="19">
        <v>9</v>
      </c>
    </row>
    <row r="57" spans="1:11" ht="15" customHeight="1">
      <c r="A57" s="17" t="s">
        <v>111</v>
      </c>
      <c r="B57" s="17"/>
      <c r="C57" s="13">
        <v>41</v>
      </c>
      <c r="D57" s="19">
        <v>27</v>
      </c>
      <c r="E57" s="19">
        <v>14</v>
      </c>
      <c r="F57" s="19"/>
      <c r="G57" s="18" t="s">
        <v>112</v>
      </c>
      <c r="H57" s="17"/>
      <c r="I57" s="13">
        <v>8</v>
      </c>
      <c r="J57" s="19">
        <v>3</v>
      </c>
      <c r="K57" s="19">
        <v>5</v>
      </c>
    </row>
    <row r="58" spans="1:11" ht="15" customHeight="1">
      <c r="A58" s="17" t="s">
        <v>113</v>
      </c>
      <c r="B58" s="17"/>
      <c r="C58" s="13">
        <v>45</v>
      </c>
      <c r="D58" s="19">
        <v>23</v>
      </c>
      <c r="E58" s="19">
        <v>22</v>
      </c>
      <c r="F58" s="19"/>
      <c r="G58" s="18" t="s">
        <v>114</v>
      </c>
      <c r="H58" s="17"/>
      <c r="I58" s="13">
        <v>8</v>
      </c>
      <c r="J58" s="19">
        <v>2</v>
      </c>
      <c r="K58" s="19">
        <v>6</v>
      </c>
    </row>
    <row r="59" spans="1:11" ht="20.100000000000001" customHeight="1">
      <c r="A59" s="17" t="s">
        <v>115</v>
      </c>
      <c r="B59" s="17"/>
      <c r="C59" s="13">
        <v>238</v>
      </c>
      <c r="D59" s="14">
        <v>137</v>
      </c>
      <c r="E59" s="14">
        <v>101</v>
      </c>
      <c r="F59" s="14"/>
      <c r="G59" s="18" t="s">
        <v>116</v>
      </c>
      <c r="H59" s="17"/>
      <c r="I59" s="13">
        <v>7</v>
      </c>
      <c r="J59" s="14">
        <v>2</v>
      </c>
      <c r="K59" s="14">
        <v>5</v>
      </c>
    </row>
    <row r="60" spans="1:11" ht="15" customHeight="1">
      <c r="A60" s="17" t="s">
        <v>117</v>
      </c>
      <c r="B60" s="17"/>
      <c r="C60" s="13">
        <v>44</v>
      </c>
      <c r="D60" s="19">
        <v>31</v>
      </c>
      <c r="E60" s="19">
        <v>13</v>
      </c>
      <c r="F60" s="19"/>
      <c r="G60" s="18" t="s">
        <v>118</v>
      </c>
      <c r="H60" s="17"/>
      <c r="I60" s="13">
        <v>4</v>
      </c>
      <c r="J60" s="19">
        <v>1</v>
      </c>
      <c r="K60" s="19">
        <v>3</v>
      </c>
    </row>
    <row r="61" spans="1:11" ht="15" customHeight="1">
      <c r="A61" s="17" t="s">
        <v>119</v>
      </c>
      <c r="B61" s="17"/>
      <c r="C61" s="13">
        <v>37</v>
      </c>
      <c r="D61" s="19">
        <v>22</v>
      </c>
      <c r="E61" s="19">
        <v>15</v>
      </c>
      <c r="F61" s="19"/>
      <c r="G61" s="18" t="s">
        <v>120</v>
      </c>
      <c r="H61" s="17"/>
      <c r="I61" s="13">
        <v>2</v>
      </c>
      <c r="J61" s="19">
        <v>1</v>
      </c>
      <c r="K61" s="19">
        <v>1</v>
      </c>
    </row>
    <row r="62" spans="1:11" ht="15" customHeight="1">
      <c r="A62" s="17" t="s">
        <v>121</v>
      </c>
      <c r="B62" s="17"/>
      <c r="C62" s="13">
        <v>36</v>
      </c>
      <c r="D62" s="19">
        <v>19</v>
      </c>
      <c r="E62" s="19">
        <v>17</v>
      </c>
      <c r="F62" s="19"/>
      <c r="G62" s="18" t="s">
        <v>122</v>
      </c>
      <c r="H62" s="17"/>
      <c r="I62" s="13">
        <v>0</v>
      </c>
      <c r="J62" s="19">
        <v>0</v>
      </c>
      <c r="K62" s="19">
        <v>0</v>
      </c>
    </row>
    <row r="63" spans="1:11" ht="15" customHeight="1">
      <c r="A63" s="17" t="s">
        <v>123</v>
      </c>
      <c r="B63" s="17"/>
      <c r="C63" s="13">
        <v>52</v>
      </c>
      <c r="D63" s="19">
        <v>28</v>
      </c>
      <c r="E63" s="19">
        <v>24</v>
      </c>
      <c r="F63" s="19"/>
      <c r="G63" s="18" t="s">
        <v>124</v>
      </c>
      <c r="H63" s="17"/>
      <c r="I63" s="13">
        <v>1</v>
      </c>
      <c r="J63" s="19">
        <v>0</v>
      </c>
      <c r="K63" s="19">
        <v>1</v>
      </c>
    </row>
    <row r="64" spans="1:11" ht="15" customHeight="1">
      <c r="A64" s="17" t="s">
        <v>125</v>
      </c>
      <c r="B64" s="17"/>
      <c r="C64" s="13">
        <v>69</v>
      </c>
      <c r="D64" s="19">
        <v>37</v>
      </c>
      <c r="E64" s="19">
        <v>32</v>
      </c>
      <c r="F64" s="19"/>
      <c r="G64" s="18" t="s">
        <v>126</v>
      </c>
      <c r="H64" s="17"/>
      <c r="I64" s="13">
        <v>0</v>
      </c>
      <c r="J64" s="19">
        <v>0</v>
      </c>
      <c r="K64" s="19">
        <v>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0</v>
      </c>
      <c r="J65" s="19">
        <v>0</v>
      </c>
      <c r="K65" s="19">
        <v>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</v>
      </c>
      <c r="J66" s="29">
        <v>1</v>
      </c>
      <c r="K66" s="29">
        <v>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 r:id="rId1"/>
  <headerFooter scaleWithDoc="0"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1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310402</v>
      </c>
      <c r="D4" s="14">
        <v>649309</v>
      </c>
      <c r="E4" s="14">
        <v>66109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6473</v>
      </c>
      <c r="D5" s="14">
        <v>23938</v>
      </c>
      <c r="E5" s="14">
        <v>22535</v>
      </c>
      <c r="F5" s="14"/>
      <c r="G5" s="18" t="s">
        <v>8</v>
      </c>
      <c r="H5" s="17"/>
      <c r="I5" s="13">
        <v>99036</v>
      </c>
      <c r="J5" s="14">
        <v>51263</v>
      </c>
      <c r="K5" s="14">
        <v>47773</v>
      </c>
    </row>
    <row r="6" spans="1:11" ht="15" customHeight="1">
      <c r="A6" s="17" t="s">
        <v>9</v>
      </c>
      <c r="B6" s="17"/>
      <c r="C6" s="13">
        <v>8383</v>
      </c>
      <c r="D6" s="19">
        <v>4350</v>
      </c>
      <c r="E6" s="19">
        <v>4033</v>
      </c>
      <c r="F6" s="19"/>
      <c r="G6" s="18" t="s">
        <v>10</v>
      </c>
      <c r="H6" s="17"/>
      <c r="I6" s="13">
        <v>21489</v>
      </c>
      <c r="J6" s="19">
        <v>11016</v>
      </c>
      <c r="K6" s="19">
        <v>10473</v>
      </c>
    </row>
    <row r="7" spans="1:11" ht="15" customHeight="1">
      <c r="A7" s="17" t="s">
        <v>11</v>
      </c>
      <c r="B7" s="17"/>
      <c r="C7" s="13">
        <v>8812</v>
      </c>
      <c r="D7" s="19">
        <v>4565</v>
      </c>
      <c r="E7" s="19">
        <v>4247</v>
      </c>
      <c r="F7" s="19"/>
      <c r="G7" s="18" t="s">
        <v>12</v>
      </c>
      <c r="H7" s="17"/>
      <c r="I7" s="13">
        <v>20812</v>
      </c>
      <c r="J7" s="19">
        <v>10741</v>
      </c>
      <c r="K7" s="19">
        <v>10071</v>
      </c>
    </row>
    <row r="8" spans="1:11" ht="15" customHeight="1">
      <c r="A8" s="17" t="s">
        <v>13</v>
      </c>
      <c r="B8" s="17"/>
      <c r="C8" s="13">
        <v>9330</v>
      </c>
      <c r="D8" s="19">
        <v>4764</v>
      </c>
      <c r="E8" s="19">
        <v>4566</v>
      </c>
      <c r="F8" s="19"/>
      <c r="G8" s="18" t="s">
        <v>14</v>
      </c>
      <c r="H8" s="17"/>
      <c r="I8" s="13">
        <v>20687</v>
      </c>
      <c r="J8" s="19">
        <v>10691</v>
      </c>
      <c r="K8" s="19">
        <v>9996</v>
      </c>
    </row>
    <row r="9" spans="1:11" ht="15" customHeight="1">
      <c r="A9" s="17" t="s">
        <v>15</v>
      </c>
      <c r="B9" s="17"/>
      <c r="C9" s="13">
        <v>9646</v>
      </c>
      <c r="D9" s="19">
        <v>4935</v>
      </c>
      <c r="E9" s="19">
        <v>4711</v>
      </c>
      <c r="F9" s="19"/>
      <c r="G9" s="18" t="s">
        <v>16</v>
      </c>
      <c r="H9" s="17"/>
      <c r="I9" s="13">
        <v>21108</v>
      </c>
      <c r="J9" s="19">
        <v>11044</v>
      </c>
      <c r="K9" s="19">
        <v>10064</v>
      </c>
    </row>
    <row r="10" spans="1:11" ht="15" customHeight="1">
      <c r="A10" s="17" t="s">
        <v>17</v>
      </c>
      <c r="B10" s="17"/>
      <c r="C10" s="13">
        <v>10302</v>
      </c>
      <c r="D10" s="19">
        <v>5324</v>
      </c>
      <c r="E10" s="19">
        <v>4978</v>
      </c>
      <c r="F10" s="19"/>
      <c r="G10" s="18" t="s">
        <v>18</v>
      </c>
      <c r="H10" s="17"/>
      <c r="I10" s="13">
        <v>14940</v>
      </c>
      <c r="J10" s="19">
        <v>7771</v>
      </c>
      <c r="K10" s="19">
        <v>7169</v>
      </c>
    </row>
    <row r="11" spans="1:11" ht="20.100000000000001" customHeight="1">
      <c r="A11" s="17" t="s">
        <v>19</v>
      </c>
      <c r="B11" s="17"/>
      <c r="C11" s="13">
        <v>54373</v>
      </c>
      <c r="D11" s="14">
        <v>27865</v>
      </c>
      <c r="E11" s="14">
        <v>26508</v>
      </c>
      <c r="F11" s="14"/>
      <c r="G11" s="18" t="s">
        <v>20</v>
      </c>
      <c r="H11" s="17"/>
      <c r="I11" s="13">
        <v>84512</v>
      </c>
      <c r="J11" s="14">
        <v>43430</v>
      </c>
      <c r="K11" s="14">
        <v>41082</v>
      </c>
    </row>
    <row r="12" spans="1:11" ht="15" customHeight="1">
      <c r="A12" s="17" t="s">
        <v>21</v>
      </c>
      <c r="B12" s="17"/>
      <c r="C12" s="13">
        <v>10557</v>
      </c>
      <c r="D12" s="19">
        <v>5362</v>
      </c>
      <c r="E12" s="19">
        <v>5195</v>
      </c>
      <c r="F12" s="19"/>
      <c r="G12" s="18" t="s">
        <v>22</v>
      </c>
      <c r="H12" s="17"/>
      <c r="I12" s="13">
        <v>19219</v>
      </c>
      <c r="J12" s="19">
        <v>9859</v>
      </c>
      <c r="K12" s="19">
        <v>9360</v>
      </c>
    </row>
    <row r="13" spans="1:11" ht="15" customHeight="1">
      <c r="A13" s="17" t="s">
        <v>23</v>
      </c>
      <c r="B13" s="17"/>
      <c r="C13" s="13">
        <v>10574</v>
      </c>
      <c r="D13" s="19">
        <v>5520</v>
      </c>
      <c r="E13" s="19">
        <v>5054</v>
      </c>
      <c r="F13" s="19"/>
      <c r="G13" s="18" t="s">
        <v>24</v>
      </c>
      <c r="H13" s="17"/>
      <c r="I13" s="13">
        <v>17807</v>
      </c>
      <c r="J13" s="19">
        <v>9189</v>
      </c>
      <c r="K13" s="19">
        <v>8618</v>
      </c>
    </row>
    <row r="14" spans="1:11" ht="15" customHeight="1">
      <c r="A14" s="17" t="s">
        <v>25</v>
      </c>
      <c r="B14" s="17"/>
      <c r="C14" s="13">
        <v>10996</v>
      </c>
      <c r="D14" s="19">
        <v>5627</v>
      </c>
      <c r="E14" s="19">
        <v>5369</v>
      </c>
      <c r="F14" s="19"/>
      <c r="G14" s="18" t="s">
        <v>26</v>
      </c>
      <c r="H14" s="17"/>
      <c r="I14" s="13">
        <v>16658</v>
      </c>
      <c r="J14" s="19">
        <v>8613</v>
      </c>
      <c r="K14" s="19">
        <v>8045</v>
      </c>
    </row>
    <row r="15" spans="1:11" ht="15" customHeight="1">
      <c r="A15" s="17" t="s">
        <v>27</v>
      </c>
      <c r="B15" s="17"/>
      <c r="C15" s="13">
        <v>10984</v>
      </c>
      <c r="D15" s="19">
        <v>5609</v>
      </c>
      <c r="E15" s="19">
        <v>5375</v>
      </c>
      <c r="F15" s="19"/>
      <c r="G15" s="18" t="s">
        <v>28</v>
      </c>
      <c r="H15" s="17"/>
      <c r="I15" s="13">
        <v>15692</v>
      </c>
      <c r="J15" s="19">
        <v>8112</v>
      </c>
      <c r="K15" s="19">
        <v>7580</v>
      </c>
    </row>
    <row r="16" spans="1:11" ht="15" customHeight="1">
      <c r="A16" s="17" t="s">
        <v>29</v>
      </c>
      <c r="B16" s="17"/>
      <c r="C16" s="13">
        <v>11262</v>
      </c>
      <c r="D16" s="19">
        <v>5747</v>
      </c>
      <c r="E16" s="19">
        <v>5515</v>
      </c>
      <c r="F16" s="19"/>
      <c r="G16" s="18" t="s">
        <v>30</v>
      </c>
      <c r="H16" s="17"/>
      <c r="I16" s="13">
        <v>15136</v>
      </c>
      <c r="J16" s="19">
        <v>7657</v>
      </c>
      <c r="K16" s="19">
        <v>7479</v>
      </c>
    </row>
    <row r="17" spans="1:11" ht="20.100000000000001" customHeight="1">
      <c r="A17" s="20" t="s">
        <v>31</v>
      </c>
      <c r="B17" s="20"/>
      <c r="C17" s="13">
        <v>58056</v>
      </c>
      <c r="D17" s="14">
        <v>29701</v>
      </c>
      <c r="E17" s="14">
        <v>28355</v>
      </c>
      <c r="F17" s="14"/>
      <c r="G17" s="18" t="s">
        <v>32</v>
      </c>
      <c r="H17" s="17"/>
      <c r="I17" s="13">
        <v>70497</v>
      </c>
      <c r="J17" s="14">
        <v>35317</v>
      </c>
      <c r="K17" s="14">
        <v>35180</v>
      </c>
    </row>
    <row r="18" spans="1:11" ht="15" customHeight="1">
      <c r="A18" s="17" t="s">
        <v>33</v>
      </c>
      <c r="B18" s="17"/>
      <c r="C18" s="13">
        <v>11279</v>
      </c>
      <c r="D18" s="19">
        <v>5756</v>
      </c>
      <c r="E18" s="19">
        <v>5523</v>
      </c>
      <c r="F18" s="19"/>
      <c r="G18" s="18" t="s">
        <v>34</v>
      </c>
      <c r="H18" s="17"/>
      <c r="I18" s="13">
        <v>14701</v>
      </c>
      <c r="J18" s="19">
        <v>7381</v>
      </c>
      <c r="K18" s="19">
        <v>7320</v>
      </c>
    </row>
    <row r="19" spans="1:11" ht="15" customHeight="1">
      <c r="A19" s="17" t="s">
        <v>35</v>
      </c>
      <c r="B19" s="17"/>
      <c r="C19" s="13">
        <v>11516</v>
      </c>
      <c r="D19" s="19">
        <v>5825</v>
      </c>
      <c r="E19" s="19">
        <v>5691</v>
      </c>
      <c r="F19" s="19"/>
      <c r="G19" s="18" t="s">
        <v>36</v>
      </c>
      <c r="H19" s="17"/>
      <c r="I19" s="13">
        <v>14342</v>
      </c>
      <c r="J19" s="19">
        <v>7283</v>
      </c>
      <c r="K19" s="19">
        <v>7059</v>
      </c>
    </row>
    <row r="20" spans="1:11" ht="15" customHeight="1">
      <c r="A20" s="17" t="s">
        <v>37</v>
      </c>
      <c r="B20" s="17"/>
      <c r="C20" s="13">
        <v>11808</v>
      </c>
      <c r="D20" s="19">
        <v>6041</v>
      </c>
      <c r="E20" s="19">
        <v>5767</v>
      </c>
      <c r="F20" s="19"/>
      <c r="G20" s="18" t="s">
        <v>38</v>
      </c>
      <c r="H20" s="17"/>
      <c r="I20" s="13">
        <v>14519</v>
      </c>
      <c r="J20" s="19">
        <v>7258</v>
      </c>
      <c r="K20" s="19">
        <v>7261</v>
      </c>
    </row>
    <row r="21" spans="1:11" ht="15" customHeight="1">
      <c r="A21" s="17" t="s">
        <v>39</v>
      </c>
      <c r="B21" s="17"/>
      <c r="C21" s="13">
        <v>11752</v>
      </c>
      <c r="D21" s="19">
        <v>6050</v>
      </c>
      <c r="E21" s="19">
        <v>5702</v>
      </c>
      <c r="F21" s="19"/>
      <c r="G21" s="18" t="s">
        <v>40</v>
      </c>
      <c r="H21" s="17"/>
      <c r="I21" s="13">
        <v>13254</v>
      </c>
      <c r="J21" s="19">
        <v>6609</v>
      </c>
      <c r="K21" s="19">
        <v>6645</v>
      </c>
    </row>
    <row r="22" spans="1:11" ht="15" customHeight="1">
      <c r="A22" s="17" t="s">
        <v>41</v>
      </c>
      <c r="B22" s="17"/>
      <c r="C22" s="13">
        <v>11701</v>
      </c>
      <c r="D22" s="19">
        <v>6029</v>
      </c>
      <c r="E22" s="19">
        <v>5672</v>
      </c>
      <c r="F22" s="19"/>
      <c r="G22" s="18" t="s">
        <v>42</v>
      </c>
      <c r="H22" s="17"/>
      <c r="I22" s="13">
        <v>13681</v>
      </c>
      <c r="J22" s="19">
        <v>6786</v>
      </c>
      <c r="K22" s="19">
        <v>6895</v>
      </c>
    </row>
    <row r="23" spans="1:11" ht="20.100000000000001" customHeight="1">
      <c r="A23" s="17" t="s">
        <v>43</v>
      </c>
      <c r="B23" s="17"/>
      <c r="C23" s="13">
        <v>61264</v>
      </c>
      <c r="D23" s="14">
        <v>31260</v>
      </c>
      <c r="E23" s="14">
        <v>30004</v>
      </c>
      <c r="F23" s="14"/>
      <c r="G23" s="18" t="s">
        <v>44</v>
      </c>
      <c r="H23" s="17"/>
      <c r="I23" s="13">
        <v>76652</v>
      </c>
      <c r="J23" s="14">
        <v>37047</v>
      </c>
      <c r="K23" s="14">
        <v>39605</v>
      </c>
    </row>
    <row r="24" spans="1:11" ht="15" customHeight="1">
      <c r="A24" s="17" t="s">
        <v>45</v>
      </c>
      <c r="B24" s="17"/>
      <c r="C24" s="13">
        <v>11438</v>
      </c>
      <c r="D24" s="19">
        <v>5743</v>
      </c>
      <c r="E24" s="19">
        <v>5695</v>
      </c>
      <c r="F24" s="19"/>
      <c r="G24" s="18" t="s">
        <v>46</v>
      </c>
      <c r="H24" s="17"/>
      <c r="I24" s="13">
        <v>14380</v>
      </c>
      <c r="J24" s="19">
        <v>7115</v>
      </c>
      <c r="K24" s="19">
        <v>7265</v>
      </c>
    </row>
    <row r="25" spans="1:11" ht="15" customHeight="1">
      <c r="A25" s="17" t="s">
        <v>47</v>
      </c>
      <c r="B25" s="17"/>
      <c r="C25" s="13">
        <v>11944</v>
      </c>
      <c r="D25" s="19">
        <v>5944</v>
      </c>
      <c r="E25" s="19">
        <v>6000</v>
      </c>
      <c r="F25" s="19"/>
      <c r="G25" s="18" t="s">
        <v>48</v>
      </c>
      <c r="H25" s="17"/>
      <c r="I25" s="13">
        <v>14323</v>
      </c>
      <c r="J25" s="19">
        <v>7116</v>
      </c>
      <c r="K25" s="19">
        <v>7207</v>
      </c>
    </row>
    <row r="26" spans="1:11" ht="15" customHeight="1">
      <c r="A26" s="17" t="s">
        <v>49</v>
      </c>
      <c r="B26" s="17"/>
      <c r="C26" s="13">
        <v>12075</v>
      </c>
      <c r="D26" s="19">
        <v>6153</v>
      </c>
      <c r="E26" s="19">
        <v>5922</v>
      </c>
      <c r="F26" s="19"/>
      <c r="G26" s="18" t="s">
        <v>50</v>
      </c>
      <c r="H26" s="17"/>
      <c r="I26" s="13">
        <v>14741</v>
      </c>
      <c r="J26" s="19">
        <v>7042</v>
      </c>
      <c r="K26" s="19">
        <v>7699</v>
      </c>
    </row>
    <row r="27" spans="1:11" ht="15" customHeight="1">
      <c r="A27" s="17" t="s">
        <v>51</v>
      </c>
      <c r="B27" s="17"/>
      <c r="C27" s="13">
        <v>12131</v>
      </c>
      <c r="D27" s="19">
        <v>6192</v>
      </c>
      <c r="E27" s="19">
        <v>5939</v>
      </c>
      <c r="F27" s="19"/>
      <c r="G27" s="18" t="s">
        <v>52</v>
      </c>
      <c r="H27" s="17"/>
      <c r="I27" s="13">
        <v>16101</v>
      </c>
      <c r="J27" s="19">
        <v>7696</v>
      </c>
      <c r="K27" s="19">
        <v>8405</v>
      </c>
    </row>
    <row r="28" spans="1:11" ht="15" customHeight="1">
      <c r="A28" s="17" t="s">
        <v>53</v>
      </c>
      <c r="B28" s="17"/>
      <c r="C28" s="13">
        <v>13676</v>
      </c>
      <c r="D28" s="19">
        <v>7228</v>
      </c>
      <c r="E28" s="19">
        <v>6448</v>
      </c>
      <c r="F28" s="19"/>
      <c r="G28" s="18" t="s">
        <v>54</v>
      </c>
      <c r="H28" s="17"/>
      <c r="I28" s="13">
        <v>17107</v>
      </c>
      <c r="J28" s="19">
        <v>8078</v>
      </c>
      <c r="K28" s="19">
        <v>9029</v>
      </c>
    </row>
    <row r="29" spans="1:11" ht="20.100000000000001" customHeight="1">
      <c r="A29" s="17" t="s">
        <v>55</v>
      </c>
      <c r="B29" s="17"/>
      <c r="C29" s="13">
        <v>66540</v>
      </c>
      <c r="D29" s="14">
        <v>35143</v>
      </c>
      <c r="E29" s="14">
        <v>31397</v>
      </c>
      <c r="F29" s="14"/>
      <c r="G29" s="18" t="s">
        <v>56</v>
      </c>
      <c r="H29" s="17"/>
      <c r="I29" s="13">
        <v>94646</v>
      </c>
      <c r="J29" s="14">
        <v>44473</v>
      </c>
      <c r="K29" s="14">
        <v>50173</v>
      </c>
    </row>
    <row r="30" spans="1:11" ht="15" customHeight="1">
      <c r="A30" s="17" t="s">
        <v>57</v>
      </c>
      <c r="B30" s="17"/>
      <c r="C30" s="13">
        <v>14218</v>
      </c>
      <c r="D30" s="19">
        <v>7474</v>
      </c>
      <c r="E30" s="19">
        <v>6744</v>
      </c>
      <c r="F30" s="19"/>
      <c r="G30" s="18" t="s">
        <v>58</v>
      </c>
      <c r="H30" s="17"/>
      <c r="I30" s="13">
        <v>18425</v>
      </c>
      <c r="J30" s="19">
        <v>8865</v>
      </c>
      <c r="K30" s="19">
        <v>9560</v>
      </c>
    </row>
    <row r="31" spans="1:11" ht="15" customHeight="1">
      <c r="A31" s="17" t="s">
        <v>59</v>
      </c>
      <c r="B31" s="17"/>
      <c r="C31" s="13">
        <v>13887</v>
      </c>
      <c r="D31" s="19">
        <v>7334</v>
      </c>
      <c r="E31" s="19">
        <v>6553</v>
      </c>
      <c r="F31" s="19"/>
      <c r="G31" s="18" t="s">
        <v>60</v>
      </c>
      <c r="H31" s="17"/>
      <c r="I31" s="13">
        <v>21155</v>
      </c>
      <c r="J31" s="19">
        <v>9885</v>
      </c>
      <c r="K31" s="19">
        <v>11270</v>
      </c>
    </row>
    <row r="32" spans="1:11" ht="15" customHeight="1">
      <c r="A32" s="17" t="s">
        <v>61</v>
      </c>
      <c r="B32" s="17"/>
      <c r="C32" s="13">
        <v>13691</v>
      </c>
      <c r="D32" s="19">
        <v>7388</v>
      </c>
      <c r="E32" s="19">
        <v>6303</v>
      </c>
      <c r="F32" s="19"/>
      <c r="G32" s="18" t="s">
        <v>62</v>
      </c>
      <c r="H32" s="17"/>
      <c r="I32" s="13">
        <v>20435</v>
      </c>
      <c r="J32" s="19">
        <v>9560</v>
      </c>
      <c r="K32" s="19">
        <v>10875</v>
      </c>
    </row>
    <row r="33" spans="1:11" ht="15" customHeight="1">
      <c r="A33" s="17" t="s">
        <v>63</v>
      </c>
      <c r="B33" s="17"/>
      <c r="C33" s="13">
        <v>12668</v>
      </c>
      <c r="D33" s="19">
        <v>6575</v>
      </c>
      <c r="E33" s="19">
        <v>6093</v>
      </c>
      <c r="F33" s="19"/>
      <c r="G33" s="18" t="s">
        <v>64</v>
      </c>
      <c r="H33" s="17"/>
      <c r="I33" s="13">
        <v>20221</v>
      </c>
      <c r="J33" s="19">
        <v>9438</v>
      </c>
      <c r="K33" s="19">
        <v>10783</v>
      </c>
    </row>
    <row r="34" spans="1:11" ht="15" customHeight="1">
      <c r="A34" s="17" t="s">
        <v>65</v>
      </c>
      <c r="B34" s="17"/>
      <c r="C34" s="13">
        <v>12076</v>
      </c>
      <c r="D34" s="19">
        <v>6372</v>
      </c>
      <c r="E34" s="19">
        <v>5704</v>
      </c>
      <c r="F34" s="19"/>
      <c r="G34" s="18" t="s">
        <v>66</v>
      </c>
      <c r="H34" s="17"/>
      <c r="I34" s="13">
        <v>14410</v>
      </c>
      <c r="J34" s="19">
        <v>6725</v>
      </c>
      <c r="K34" s="19">
        <v>7685</v>
      </c>
    </row>
    <row r="35" spans="1:11" ht="20.100000000000001" customHeight="1">
      <c r="A35" s="17" t="s">
        <v>67</v>
      </c>
      <c r="B35" s="17"/>
      <c r="C35" s="13">
        <v>58242</v>
      </c>
      <c r="D35" s="14">
        <v>30508</v>
      </c>
      <c r="E35" s="14">
        <v>27734</v>
      </c>
      <c r="F35" s="14"/>
      <c r="G35" s="18" t="s">
        <v>68</v>
      </c>
      <c r="H35" s="17"/>
      <c r="I35" s="13">
        <v>73847</v>
      </c>
      <c r="J35" s="14">
        <v>33753</v>
      </c>
      <c r="K35" s="14">
        <v>40094</v>
      </c>
    </row>
    <row r="36" spans="1:11" ht="15" customHeight="1">
      <c r="A36" s="17" t="s">
        <v>69</v>
      </c>
      <c r="B36" s="17"/>
      <c r="C36" s="13">
        <v>11719</v>
      </c>
      <c r="D36" s="19">
        <v>6197</v>
      </c>
      <c r="E36" s="19">
        <v>5522</v>
      </c>
      <c r="F36" s="19"/>
      <c r="G36" s="18" t="s">
        <v>70</v>
      </c>
      <c r="H36" s="17"/>
      <c r="I36" s="13">
        <v>12590</v>
      </c>
      <c r="J36" s="19">
        <v>5931</v>
      </c>
      <c r="K36" s="19">
        <v>6659</v>
      </c>
    </row>
    <row r="37" spans="1:11" ht="15" customHeight="1">
      <c r="A37" s="17" t="s">
        <v>71</v>
      </c>
      <c r="B37" s="17"/>
      <c r="C37" s="13">
        <v>11994</v>
      </c>
      <c r="D37" s="19">
        <v>6293</v>
      </c>
      <c r="E37" s="19">
        <v>5701</v>
      </c>
      <c r="F37" s="19"/>
      <c r="G37" s="18" t="s">
        <v>72</v>
      </c>
      <c r="H37" s="17"/>
      <c r="I37" s="13">
        <v>15306</v>
      </c>
      <c r="J37" s="19">
        <v>7047</v>
      </c>
      <c r="K37" s="19">
        <v>8259</v>
      </c>
    </row>
    <row r="38" spans="1:11" ht="15" customHeight="1">
      <c r="A38" s="17" t="s">
        <v>73</v>
      </c>
      <c r="B38" s="17"/>
      <c r="C38" s="13">
        <v>11561</v>
      </c>
      <c r="D38" s="19">
        <v>6073</v>
      </c>
      <c r="E38" s="19">
        <v>5488</v>
      </c>
      <c r="F38" s="19"/>
      <c r="G38" s="18" t="s">
        <v>74</v>
      </c>
      <c r="H38" s="17"/>
      <c r="I38" s="13">
        <v>15964</v>
      </c>
      <c r="J38" s="19">
        <v>7242</v>
      </c>
      <c r="K38" s="19">
        <v>8722</v>
      </c>
    </row>
    <row r="39" spans="1:11" ht="15" customHeight="1">
      <c r="A39" s="17" t="s">
        <v>75</v>
      </c>
      <c r="B39" s="17"/>
      <c r="C39" s="13">
        <v>11253</v>
      </c>
      <c r="D39" s="19">
        <v>5856</v>
      </c>
      <c r="E39" s="19">
        <v>5397</v>
      </c>
      <c r="F39" s="19"/>
      <c r="G39" s="18" t="s">
        <v>76</v>
      </c>
      <c r="H39" s="17"/>
      <c r="I39" s="13">
        <v>15194</v>
      </c>
      <c r="J39" s="19">
        <v>6912</v>
      </c>
      <c r="K39" s="19">
        <v>8282</v>
      </c>
    </row>
    <row r="40" spans="1:11" ht="15" customHeight="1">
      <c r="A40" s="17" t="s">
        <v>77</v>
      </c>
      <c r="B40" s="17"/>
      <c r="C40" s="13">
        <v>11715</v>
      </c>
      <c r="D40" s="19">
        <v>6089</v>
      </c>
      <c r="E40" s="19">
        <v>5626</v>
      </c>
      <c r="F40" s="19"/>
      <c r="G40" s="18" t="s">
        <v>78</v>
      </c>
      <c r="H40" s="17"/>
      <c r="I40" s="13">
        <v>14793</v>
      </c>
      <c r="J40" s="19">
        <v>6621</v>
      </c>
      <c r="K40" s="19">
        <v>8172</v>
      </c>
    </row>
    <row r="41" spans="1:11" ht="20.100000000000001" customHeight="1">
      <c r="A41" s="17" t="s">
        <v>79</v>
      </c>
      <c r="B41" s="17"/>
      <c r="C41" s="13">
        <v>62050</v>
      </c>
      <c r="D41" s="14">
        <v>32018</v>
      </c>
      <c r="E41" s="14">
        <v>30032</v>
      </c>
      <c r="F41" s="14"/>
      <c r="G41" s="18" t="s">
        <v>80</v>
      </c>
      <c r="H41" s="17"/>
      <c r="I41" s="13">
        <v>54014</v>
      </c>
      <c r="J41" s="14">
        <v>23692</v>
      </c>
      <c r="K41" s="14">
        <v>30322</v>
      </c>
    </row>
    <row r="42" spans="1:11" ht="15" customHeight="1">
      <c r="A42" s="17" t="s">
        <v>81</v>
      </c>
      <c r="B42" s="17"/>
      <c r="C42" s="13">
        <v>11623</v>
      </c>
      <c r="D42" s="19">
        <v>5990</v>
      </c>
      <c r="E42" s="19">
        <v>5633</v>
      </c>
      <c r="F42" s="19"/>
      <c r="G42" s="18" t="s">
        <v>82</v>
      </c>
      <c r="H42" s="17"/>
      <c r="I42" s="13">
        <v>13083</v>
      </c>
      <c r="J42" s="19">
        <v>5875</v>
      </c>
      <c r="K42" s="19">
        <v>7208</v>
      </c>
    </row>
    <row r="43" spans="1:11" ht="15" customHeight="1">
      <c r="A43" s="17" t="s">
        <v>83</v>
      </c>
      <c r="B43" s="17"/>
      <c r="C43" s="13">
        <v>11943</v>
      </c>
      <c r="D43" s="19">
        <v>6166</v>
      </c>
      <c r="E43" s="19">
        <v>5777</v>
      </c>
      <c r="F43" s="19"/>
      <c r="G43" s="18" t="s">
        <v>84</v>
      </c>
      <c r="H43" s="17"/>
      <c r="I43" s="13">
        <v>10762</v>
      </c>
      <c r="J43" s="19">
        <v>4844</v>
      </c>
      <c r="K43" s="19">
        <v>5918</v>
      </c>
    </row>
    <row r="44" spans="1:11" ht="15" customHeight="1">
      <c r="A44" s="17" t="s">
        <v>85</v>
      </c>
      <c r="B44" s="17"/>
      <c r="C44" s="13">
        <v>12528</v>
      </c>
      <c r="D44" s="19">
        <v>6431</v>
      </c>
      <c r="E44" s="19">
        <v>6097</v>
      </c>
      <c r="F44" s="19"/>
      <c r="G44" s="18" t="s">
        <v>86</v>
      </c>
      <c r="H44" s="17"/>
      <c r="I44" s="13">
        <v>9977</v>
      </c>
      <c r="J44" s="19">
        <v>4358</v>
      </c>
      <c r="K44" s="19">
        <v>5619</v>
      </c>
    </row>
    <row r="45" spans="1:11" ht="15" customHeight="1">
      <c r="A45" s="17" t="s">
        <v>87</v>
      </c>
      <c r="B45" s="17"/>
      <c r="C45" s="13">
        <v>12764</v>
      </c>
      <c r="D45" s="19">
        <v>6519</v>
      </c>
      <c r="E45" s="19">
        <v>6245</v>
      </c>
      <c r="F45" s="19"/>
      <c r="G45" s="18" t="s">
        <v>88</v>
      </c>
      <c r="H45" s="17"/>
      <c r="I45" s="13">
        <v>10808</v>
      </c>
      <c r="J45" s="19">
        <v>4701</v>
      </c>
      <c r="K45" s="19">
        <v>6107</v>
      </c>
    </row>
    <row r="46" spans="1:11" ht="15" customHeight="1">
      <c r="A46" s="17" t="s">
        <v>89</v>
      </c>
      <c r="B46" s="17"/>
      <c r="C46" s="13">
        <v>13192</v>
      </c>
      <c r="D46" s="19">
        <v>6912</v>
      </c>
      <c r="E46" s="19">
        <v>6280</v>
      </c>
      <c r="F46" s="19"/>
      <c r="G46" s="18" t="s">
        <v>90</v>
      </c>
      <c r="H46" s="17"/>
      <c r="I46" s="13">
        <v>9384</v>
      </c>
      <c r="J46" s="19">
        <v>3914</v>
      </c>
      <c r="K46" s="19">
        <v>5470</v>
      </c>
    </row>
    <row r="47" spans="1:11" ht="20.100000000000001" customHeight="1">
      <c r="A47" s="17" t="s">
        <v>91</v>
      </c>
      <c r="B47" s="17"/>
      <c r="C47" s="13">
        <v>75777</v>
      </c>
      <c r="D47" s="14">
        <v>38282</v>
      </c>
      <c r="E47" s="14">
        <v>37495</v>
      </c>
      <c r="F47" s="14"/>
      <c r="G47" s="18" t="s">
        <v>92</v>
      </c>
      <c r="H47" s="17"/>
      <c r="I47" s="13">
        <v>34007</v>
      </c>
      <c r="J47" s="14">
        <v>12825</v>
      </c>
      <c r="K47" s="14">
        <v>21182</v>
      </c>
    </row>
    <row r="48" spans="1:11" ht="15" customHeight="1">
      <c r="A48" s="17" t="s">
        <v>93</v>
      </c>
      <c r="B48" s="17"/>
      <c r="C48" s="13">
        <v>14042</v>
      </c>
      <c r="D48" s="19">
        <v>7068</v>
      </c>
      <c r="E48" s="19">
        <v>6974</v>
      </c>
      <c r="F48" s="19"/>
      <c r="G48" s="18" t="s">
        <v>94</v>
      </c>
      <c r="H48" s="17"/>
      <c r="I48" s="13">
        <v>8923</v>
      </c>
      <c r="J48" s="19">
        <v>3622</v>
      </c>
      <c r="K48" s="19">
        <v>5301</v>
      </c>
    </row>
    <row r="49" spans="1:11" ht="15" customHeight="1">
      <c r="A49" s="17" t="s">
        <v>95</v>
      </c>
      <c r="B49" s="17"/>
      <c r="C49" s="13">
        <v>14669</v>
      </c>
      <c r="D49" s="19">
        <v>7361</v>
      </c>
      <c r="E49" s="19">
        <v>7308</v>
      </c>
      <c r="F49" s="19"/>
      <c r="G49" s="18" t="s">
        <v>96</v>
      </c>
      <c r="H49" s="17"/>
      <c r="I49" s="13">
        <v>7369</v>
      </c>
      <c r="J49" s="19">
        <v>2838</v>
      </c>
      <c r="K49" s="19">
        <v>4531</v>
      </c>
    </row>
    <row r="50" spans="1:11" ht="15" customHeight="1">
      <c r="A50" s="17" t="s">
        <v>97</v>
      </c>
      <c r="B50" s="17"/>
      <c r="C50" s="13">
        <v>15454</v>
      </c>
      <c r="D50" s="19">
        <v>7888</v>
      </c>
      <c r="E50" s="19">
        <v>7566</v>
      </c>
      <c r="F50" s="19"/>
      <c r="G50" s="18" t="s">
        <v>98</v>
      </c>
      <c r="H50" s="17"/>
      <c r="I50" s="13">
        <v>6610</v>
      </c>
      <c r="J50" s="19">
        <v>2506</v>
      </c>
      <c r="K50" s="19">
        <v>4104</v>
      </c>
    </row>
    <row r="51" spans="1:11" ht="15" customHeight="1">
      <c r="A51" s="17" t="s">
        <v>99</v>
      </c>
      <c r="B51" s="17"/>
      <c r="C51" s="13">
        <v>15570</v>
      </c>
      <c r="D51" s="19">
        <v>7938</v>
      </c>
      <c r="E51" s="19">
        <v>7632</v>
      </c>
      <c r="F51" s="19"/>
      <c r="G51" s="18" t="s">
        <v>100</v>
      </c>
      <c r="H51" s="17"/>
      <c r="I51" s="13">
        <v>5876</v>
      </c>
      <c r="J51" s="19">
        <v>2133</v>
      </c>
      <c r="K51" s="19">
        <v>3743</v>
      </c>
    </row>
    <row r="52" spans="1:11" ht="15" customHeight="1">
      <c r="A52" s="17" t="s">
        <v>101</v>
      </c>
      <c r="B52" s="17"/>
      <c r="C52" s="13">
        <v>16042</v>
      </c>
      <c r="D52" s="19">
        <v>8027</v>
      </c>
      <c r="E52" s="19">
        <v>8015</v>
      </c>
      <c r="F52" s="19"/>
      <c r="G52" s="18" t="s">
        <v>102</v>
      </c>
      <c r="H52" s="17"/>
      <c r="I52" s="13">
        <v>5229</v>
      </c>
      <c r="J52" s="19">
        <v>1726</v>
      </c>
      <c r="K52" s="19">
        <v>3503</v>
      </c>
    </row>
    <row r="53" spans="1:11" ht="20.100000000000001" customHeight="1">
      <c r="A53" s="17" t="s">
        <v>103</v>
      </c>
      <c r="B53" s="17"/>
      <c r="C53" s="13">
        <v>90159</v>
      </c>
      <c r="D53" s="14">
        <v>45837</v>
      </c>
      <c r="E53" s="14">
        <v>44322</v>
      </c>
      <c r="F53" s="14"/>
      <c r="G53" s="18" t="s">
        <v>104</v>
      </c>
      <c r="H53" s="17"/>
      <c r="I53" s="13">
        <v>15490</v>
      </c>
      <c r="J53" s="14">
        <v>4506</v>
      </c>
      <c r="K53" s="14">
        <v>10984</v>
      </c>
    </row>
    <row r="54" spans="1:11" ht="15" customHeight="1">
      <c r="A54" s="17" t="s">
        <v>105</v>
      </c>
      <c r="B54" s="17"/>
      <c r="C54" s="13">
        <v>16579</v>
      </c>
      <c r="D54" s="19">
        <v>8402</v>
      </c>
      <c r="E54" s="19">
        <v>8177</v>
      </c>
      <c r="F54" s="19"/>
      <c r="G54" s="18" t="s">
        <v>106</v>
      </c>
      <c r="H54" s="17"/>
      <c r="I54" s="13">
        <v>4412</v>
      </c>
      <c r="J54" s="19">
        <v>1389</v>
      </c>
      <c r="K54" s="19">
        <v>3023</v>
      </c>
    </row>
    <row r="55" spans="1:11" ht="15" customHeight="1">
      <c r="A55" s="17" t="s">
        <v>107</v>
      </c>
      <c r="B55" s="17"/>
      <c r="C55" s="13">
        <v>17584</v>
      </c>
      <c r="D55" s="19">
        <v>9006</v>
      </c>
      <c r="E55" s="19">
        <v>8578</v>
      </c>
      <c r="F55" s="19"/>
      <c r="G55" s="18" t="s">
        <v>108</v>
      </c>
      <c r="H55" s="17"/>
      <c r="I55" s="13">
        <v>3640</v>
      </c>
      <c r="J55" s="19">
        <v>1108</v>
      </c>
      <c r="K55" s="19">
        <v>2532</v>
      </c>
    </row>
    <row r="56" spans="1:11" ht="15" customHeight="1">
      <c r="A56" s="17" t="s">
        <v>109</v>
      </c>
      <c r="B56" s="17"/>
      <c r="C56" s="13">
        <v>18163</v>
      </c>
      <c r="D56" s="19">
        <v>9151</v>
      </c>
      <c r="E56" s="19">
        <v>9012</v>
      </c>
      <c r="F56" s="19"/>
      <c r="G56" s="18" t="s">
        <v>110</v>
      </c>
      <c r="H56" s="17"/>
      <c r="I56" s="13">
        <v>3166</v>
      </c>
      <c r="J56" s="19">
        <v>883</v>
      </c>
      <c r="K56" s="19">
        <v>2283</v>
      </c>
    </row>
    <row r="57" spans="1:11" ht="15" customHeight="1">
      <c r="A57" s="17" t="s">
        <v>111</v>
      </c>
      <c r="B57" s="17"/>
      <c r="C57" s="13">
        <v>18503</v>
      </c>
      <c r="D57" s="19">
        <v>9440</v>
      </c>
      <c r="E57" s="19">
        <v>9063</v>
      </c>
      <c r="F57" s="19"/>
      <c r="G57" s="18" t="s">
        <v>112</v>
      </c>
      <c r="H57" s="17"/>
      <c r="I57" s="13">
        <v>2350</v>
      </c>
      <c r="J57" s="19">
        <v>626</v>
      </c>
      <c r="K57" s="19">
        <v>1724</v>
      </c>
    </row>
    <row r="58" spans="1:11" ht="15" customHeight="1">
      <c r="A58" s="17" t="s">
        <v>113</v>
      </c>
      <c r="B58" s="17"/>
      <c r="C58" s="13">
        <v>19330</v>
      </c>
      <c r="D58" s="19">
        <v>9838</v>
      </c>
      <c r="E58" s="19">
        <v>9492</v>
      </c>
      <c r="F58" s="19"/>
      <c r="G58" s="18" t="s">
        <v>114</v>
      </c>
      <c r="H58" s="17"/>
      <c r="I58" s="13">
        <v>1922</v>
      </c>
      <c r="J58" s="19">
        <v>500</v>
      </c>
      <c r="K58" s="19">
        <v>1422</v>
      </c>
    </row>
    <row r="59" spans="1:11" ht="20.100000000000001" customHeight="1">
      <c r="A59" s="17" t="s">
        <v>115</v>
      </c>
      <c r="B59" s="17"/>
      <c r="C59" s="13">
        <v>108470</v>
      </c>
      <c r="D59" s="14">
        <v>54848</v>
      </c>
      <c r="E59" s="14">
        <v>53622</v>
      </c>
      <c r="F59" s="14"/>
      <c r="G59" s="18" t="s">
        <v>116</v>
      </c>
      <c r="H59" s="17"/>
      <c r="I59" s="13">
        <v>4268</v>
      </c>
      <c r="J59" s="14">
        <v>836</v>
      </c>
      <c r="K59" s="14">
        <v>3432</v>
      </c>
    </row>
    <row r="60" spans="1:11" ht="15" customHeight="1">
      <c r="A60" s="17" t="s">
        <v>117</v>
      </c>
      <c r="B60" s="17"/>
      <c r="C60" s="13">
        <v>19990</v>
      </c>
      <c r="D60" s="19">
        <v>9992</v>
      </c>
      <c r="E60" s="19">
        <v>9998</v>
      </c>
      <c r="F60" s="19"/>
      <c r="G60" s="18" t="s">
        <v>118</v>
      </c>
      <c r="H60" s="17"/>
      <c r="I60" s="13">
        <v>1510</v>
      </c>
      <c r="J60" s="19">
        <v>321</v>
      </c>
      <c r="K60" s="19">
        <v>1189</v>
      </c>
    </row>
    <row r="61" spans="1:11" ht="15" customHeight="1">
      <c r="A61" s="17" t="s">
        <v>119</v>
      </c>
      <c r="B61" s="17"/>
      <c r="C61" s="13">
        <v>21661</v>
      </c>
      <c r="D61" s="19">
        <v>10979</v>
      </c>
      <c r="E61" s="19">
        <v>10682</v>
      </c>
      <c r="F61" s="19"/>
      <c r="G61" s="18" t="s">
        <v>120</v>
      </c>
      <c r="H61" s="17"/>
      <c r="I61" s="13">
        <v>1051</v>
      </c>
      <c r="J61" s="19">
        <v>211</v>
      </c>
      <c r="K61" s="19">
        <v>840</v>
      </c>
    </row>
    <row r="62" spans="1:11" ht="15" customHeight="1">
      <c r="A62" s="17" t="s">
        <v>121</v>
      </c>
      <c r="B62" s="17"/>
      <c r="C62" s="13">
        <v>22596</v>
      </c>
      <c r="D62" s="19">
        <v>11444</v>
      </c>
      <c r="E62" s="19">
        <v>11152</v>
      </c>
      <c r="F62" s="19"/>
      <c r="G62" s="18" t="s">
        <v>122</v>
      </c>
      <c r="H62" s="17"/>
      <c r="I62" s="13">
        <v>764</v>
      </c>
      <c r="J62" s="19">
        <v>157</v>
      </c>
      <c r="K62" s="19">
        <v>607</v>
      </c>
    </row>
    <row r="63" spans="1:11" ht="15" customHeight="1">
      <c r="A63" s="17" t="s">
        <v>123</v>
      </c>
      <c r="B63" s="17"/>
      <c r="C63" s="13">
        <v>22191</v>
      </c>
      <c r="D63" s="19">
        <v>11246</v>
      </c>
      <c r="E63" s="19">
        <v>10945</v>
      </c>
      <c r="F63" s="19"/>
      <c r="G63" s="18" t="s">
        <v>124</v>
      </c>
      <c r="H63" s="17"/>
      <c r="I63" s="13">
        <v>567</v>
      </c>
      <c r="J63" s="19">
        <v>91</v>
      </c>
      <c r="K63" s="19">
        <v>476</v>
      </c>
    </row>
    <row r="64" spans="1:11" ht="15" customHeight="1">
      <c r="A64" s="17" t="s">
        <v>125</v>
      </c>
      <c r="B64" s="17"/>
      <c r="C64" s="13">
        <v>22032</v>
      </c>
      <c r="D64" s="19">
        <v>11187</v>
      </c>
      <c r="E64" s="19">
        <v>10845</v>
      </c>
      <c r="F64" s="19"/>
      <c r="G64" s="18" t="s">
        <v>126</v>
      </c>
      <c r="H64" s="17"/>
      <c r="I64" s="13">
        <v>376</v>
      </c>
      <c r="J64" s="19">
        <v>56</v>
      </c>
      <c r="K64" s="19">
        <v>32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34</v>
      </c>
      <c r="J65" s="19">
        <v>101</v>
      </c>
      <c r="K65" s="19">
        <v>63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1295</v>
      </c>
      <c r="J66" s="29">
        <v>12666</v>
      </c>
      <c r="K66" s="29">
        <v>8629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5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58298</v>
      </c>
      <c r="D4" s="14">
        <v>128965</v>
      </c>
      <c r="E4" s="14">
        <v>12933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464</v>
      </c>
      <c r="D5" s="14">
        <v>4325</v>
      </c>
      <c r="E5" s="14">
        <v>4139</v>
      </c>
      <c r="F5" s="14"/>
      <c r="G5" s="18" t="s">
        <v>8</v>
      </c>
      <c r="H5" s="17"/>
      <c r="I5" s="13">
        <v>19288</v>
      </c>
      <c r="J5" s="14">
        <v>10055</v>
      </c>
      <c r="K5" s="14">
        <v>9233</v>
      </c>
    </row>
    <row r="6" spans="1:11" ht="15" customHeight="1">
      <c r="A6" s="17" t="s">
        <v>9</v>
      </c>
      <c r="B6" s="17"/>
      <c r="C6" s="13">
        <v>1538</v>
      </c>
      <c r="D6" s="19">
        <v>803</v>
      </c>
      <c r="E6" s="19">
        <v>735</v>
      </c>
      <c r="F6" s="19"/>
      <c r="G6" s="18" t="s">
        <v>10</v>
      </c>
      <c r="H6" s="17"/>
      <c r="I6" s="13">
        <v>4172</v>
      </c>
      <c r="J6" s="19">
        <v>2192</v>
      </c>
      <c r="K6" s="19">
        <v>1980</v>
      </c>
    </row>
    <row r="7" spans="1:11" ht="15" customHeight="1">
      <c r="A7" s="17" t="s">
        <v>11</v>
      </c>
      <c r="B7" s="17"/>
      <c r="C7" s="13">
        <v>1620</v>
      </c>
      <c r="D7" s="19">
        <v>822</v>
      </c>
      <c r="E7" s="19">
        <v>798</v>
      </c>
      <c r="F7" s="19"/>
      <c r="G7" s="18" t="s">
        <v>12</v>
      </c>
      <c r="H7" s="17"/>
      <c r="I7" s="13">
        <v>4089</v>
      </c>
      <c r="J7" s="19">
        <v>2085</v>
      </c>
      <c r="K7" s="19">
        <v>2004</v>
      </c>
    </row>
    <row r="8" spans="1:11" ht="15" customHeight="1">
      <c r="A8" s="17" t="s">
        <v>13</v>
      </c>
      <c r="B8" s="17"/>
      <c r="C8" s="13">
        <v>1665</v>
      </c>
      <c r="D8" s="19">
        <v>845</v>
      </c>
      <c r="E8" s="19">
        <v>820</v>
      </c>
      <c r="F8" s="19"/>
      <c r="G8" s="18" t="s">
        <v>14</v>
      </c>
      <c r="H8" s="17"/>
      <c r="I8" s="13">
        <v>3943</v>
      </c>
      <c r="J8" s="19">
        <v>2076</v>
      </c>
      <c r="K8" s="19">
        <v>1867</v>
      </c>
    </row>
    <row r="9" spans="1:11" ht="15" customHeight="1">
      <c r="A9" s="17" t="s">
        <v>15</v>
      </c>
      <c r="B9" s="17"/>
      <c r="C9" s="13">
        <v>1774</v>
      </c>
      <c r="D9" s="19">
        <v>902</v>
      </c>
      <c r="E9" s="19">
        <v>872</v>
      </c>
      <c r="F9" s="19"/>
      <c r="G9" s="18" t="s">
        <v>16</v>
      </c>
      <c r="H9" s="17"/>
      <c r="I9" s="13">
        <v>4147</v>
      </c>
      <c r="J9" s="19">
        <v>2158</v>
      </c>
      <c r="K9" s="19">
        <v>1989</v>
      </c>
    </row>
    <row r="10" spans="1:11" ht="15" customHeight="1">
      <c r="A10" s="17" t="s">
        <v>17</v>
      </c>
      <c r="B10" s="17"/>
      <c r="C10" s="13">
        <v>1867</v>
      </c>
      <c r="D10" s="19">
        <v>953</v>
      </c>
      <c r="E10" s="19">
        <v>914</v>
      </c>
      <c r="F10" s="19"/>
      <c r="G10" s="18" t="s">
        <v>18</v>
      </c>
      <c r="H10" s="17"/>
      <c r="I10" s="13">
        <v>2937</v>
      </c>
      <c r="J10" s="19">
        <v>1544</v>
      </c>
      <c r="K10" s="19">
        <v>1393</v>
      </c>
    </row>
    <row r="11" spans="1:11" ht="20.100000000000001" customHeight="1">
      <c r="A11" s="17" t="s">
        <v>19</v>
      </c>
      <c r="B11" s="17"/>
      <c r="C11" s="13">
        <v>9807</v>
      </c>
      <c r="D11" s="14">
        <v>5041</v>
      </c>
      <c r="E11" s="14">
        <v>4766</v>
      </c>
      <c r="F11" s="14"/>
      <c r="G11" s="18" t="s">
        <v>20</v>
      </c>
      <c r="H11" s="17"/>
      <c r="I11" s="13">
        <v>16455</v>
      </c>
      <c r="J11" s="14">
        <v>8447</v>
      </c>
      <c r="K11" s="14">
        <v>8008</v>
      </c>
    </row>
    <row r="12" spans="1:11" ht="15" customHeight="1">
      <c r="A12" s="17" t="s">
        <v>21</v>
      </c>
      <c r="B12" s="17"/>
      <c r="C12" s="13">
        <v>1928</v>
      </c>
      <c r="D12" s="19">
        <v>984</v>
      </c>
      <c r="E12" s="19">
        <v>944</v>
      </c>
      <c r="F12" s="19"/>
      <c r="G12" s="18" t="s">
        <v>22</v>
      </c>
      <c r="H12" s="17"/>
      <c r="I12" s="13">
        <v>3698</v>
      </c>
      <c r="J12" s="19">
        <v>1924</v>
      </c>
      <c r="K12" s="19">
        <v>1774</v>
      </c>
    </row>
    <row r="13" spans="1:11" ht="15" customHeight="1">
      <c r="A13" s="17" t="s">
        <v>23</v>
      </c>
      <c r="B13" s="17"/>
      <c r="C13" s="13">
        <v>1925</v>
      </c>
      <c r="D13" s="19">
        <v>1016</v>
      </c>
      <c r="E13" s="19">
        <v>909</v>
      </c>
      <c r="F13" s="19"/>
      <c r="G13" s="18" t="s">
        <v>24</v>
      </c>
      <c r="H13" s="17"/>
      <c r="I13" s="13">
        <v>3378</v>
      </c>
      <c r="J13" s="19">
        <v>1755</v>
      </c>
      <c r="K13" s="19">
        <v>1623</v>
      </c>
    </row>
    <row r="14" spans="1:11" ht="15" customHeight="1">
      <c r="A14" s="17" t="s">
        <v>25</v>
      </c>
      <c r="B14" s="17"/>
      <c r="C14" s="13">
        <v>1973</v>
      </c>
      <c r="D14" s="19">
        <v>998</v>
      </c>
      <c r="E14" s="19">
        <v>975</v>
      </c>
      <c r="F14" s="19"/>
      <c r="G14" s="18" t="s">
        <v>26</v>
      </c>
      <c r="H14" s="17"/>
      <c r="I14" s="13">
        <v>3214</v>
      </c>
      <c r="J14" s="19">
        <v>1646</v>
      </c>
      <c r="K14" s="19">
        <v>1568</v>
      </c>
    </row>
    <row r="15" spans="1:11" ht="15" customHeight="1">
      <c r="A15" s="17" t="s">
        <v>27</v>
      </c>
      <c r="B15" s="17"/>
      <c r="C15" s="13">
        <v>1939</v>
      </c>
      <c r="D15" s="19">
        <v>1016</v>
      </c>
      <c r="E15" s="19">
        <v>923</v>
      </c>
      <c r="F15" s="19"/>
      <c r="G15" s="18" t="s">
        <v>28</v>
      </c>
      <c r="H15" s="17"/>
      <c r="I15" s="13">
        <v>3196</v>
      </c>
      <c r="J15" s="19">
        <v>1622</v>
      </c>
      <c r="K15" s="19">
        <v>1574</v>
      </c>
    </row>
    <row r="16" spans="1:11" ht="15" customHeight="1">
      <c r="A16" s="17" t="s">
        <v>29</v>
      </c>
      <c r="B16" s="17"/>
      <c r="C16" s="13">
        <v>2042</v>
      </c>
      <c r="D16" s="19">
        <v>1027</v>
      </c>
      <c r="E16" s="19">
        <v>1015</v>
      </c>
      <c r="F16" s="19"/>
      <c r="G16" s="18" t="s">
        <v>30</v>
      </c>
      <c r="H16" s="17"/>
      <c r="I16" s="13">
        <v>2969</v>
      </c>
      <c r="J16" s="19">
        <v>1500</v>
      </c>
      <c r="K16" s="19">
        <v>1469</v>
      </c>
    </row>
    <row r="17" spans="1:11" ht="20.100000000000001" customHeight="1">
      <c r="A17" s="20" t="s">
        <v>31</v>
      </c>
      <c r="B17" s="20"/>
      <c r="C17" s="13">
        <v>10943</v>
      </c>
      <c r="D17" s="14">
        <v>5586</v>
      </c>
      <c r="E17" s="14">
        <v>5357</v>
      </c>
      <c r="F17" s="14"/>
      <c r="G17" s="18" t="s">
        <v>32</v>
      </c>
      <c r="H17" s="17"/>
      <c r="I17" s="13">
        <v>14542</v>
      </c>
      <c r="J17" s="14">
        <v>7378</v>
      </c>
      <c r="K17" s="14">
        <v>7164</v>
      </c>
    </row>
    <row r="18" spans="1:11" ht="15" customHeight="1">
      <c r="A18" s="17" t="s">
        <v>33</v>
      </c>
      <c r="B18" s="17"/>
      <c r="C18" s="13">
        <v>2077</v>
      </c>
      <c r="D18" s="19">
        <v>1051</v>
      </c>
      <c r="E18" s="19">
        <v>1026</v>
      </c>
      <c r="F18" s="19"/>
      <c r="G18" s="18" t="s">
        <v>34</v>
      </c>
      <c r="H18" s="17"/>
      <c r="I18" s="13">
        <v>2991</v>
      </c>
      <c r="J18" s="19">
        <v>1525</v>
      </c>
      <c r="K18" s="19">
        <v>1466</v>
      </c>
    </row>
    <row r="19" spans="1:11" ht="15" customHeight="1">
      <c r="A19" s="17" t="s">
        <v>35</v>
      </c>
      <c r="B19" s="17"/>
      <c r="C19" s="13">
        <v>2151</v>
      </c>
      <c r="D19" s="19">
        <v>1096</v>
      </c>
      <c r="E19" s="19">
        <v>1055</v>
      </c>
      <c r="F19" s="19"/>
      <c r="G19" s="18" t="s">
        <v>36</v>
      </c>
      <c r="H19" s="17"/>
      <c r="I19" s="13">
        <v>2928</v>
      </c>
      <c r="J19" s="19">
        <v>1484</v>
      </c>
      <c r="K19" s="19">
        <v>1444</v>
      </c>
    </row>
    <row r="20" spans="1:11" ht="15" customHeight="1">
      <c r="A20" s="17" t="s">
        <v>37</v>
      </c>
      <c r="B20" s="17"/>
      <c r="C20" s="13">
        <v>2217</v>
      </c>
      <c r="D20" s="19">
        <v>1120</v>
      </c>
      <c r="E20" s="19">
        <v>1097</v>
      </c>
      <c r="F20" s="19"/>
      <c r="G20" s="18" t="s">
        <v>38</v>
      </c>
      <c r="H20" s="17"/>
      <c r="I20" s="13">
        <v>2993</v>
      </c>
      <c r="J20" s="19">
        <v>1496</v>
      </c>
      <c r="K20" s="19">
        <v>1497</v>
      </c>
    </row>
    <row r="21" spans="1:11" ht="15" customHeight="1">
      <c r="A21" s="17" t="s">
        <v>39</v>
      </c>
      <c r="B21" s="17"/>
      <c r="C21" s="13">
        <v>2179</v>
      </c>
      <c r="D21" s="19">
        <v>1151</v>
      </c>
      <c r="E21" s="19">
        <v>1028</v>
      </c>
      <c r="F21" s="19"/>
      <c r="G21" s="18" t="s">
        <v>40</v>
      </c>
      <c r="H21" s="17"/>
      <c r="I21" s="13">
        <v>2771</v>
      </c>
      <c r="J21" s="19">
        <v>1390</v>
      </c>
      <c r="K21" s="19">
        <v>1381</v>
      </c>
    </row>
    <row r="22" spans="1:11" ht="15" customHeight="1">
      <c r="A22" s="17" t="s">
        <v>41</v>
      </c>
      <c r="B22" s="17"/>
      <c r="C22" s="13">
        <v>2319</v>
      </c>
      <c r="D22" s="19">
        <v>1168</v>
      </c>
      <c r="E22" s="19">
        <v>1151</v>
      </c>
      <c r="F22" s="19"/>
      <c r="G22" s="18" t="s">
        <v>42</v>
      </c>
      <c r="H22" s="17"/>
      <c r="I22" s="13">
        <v>2859</v>
      </c>
      <c r="J22" s="19">
        <v>1483</v>
      </c>
      <c r="K22" s="19">
        <v>1376</v>
      </c>
    </row>
    <row r="23" spans="1:11" ht="20.100000000000001" customHeight="1">
      <c r="A23" s="17" t="s">
        <v>43</v>
      </c>
      <c r="B23" s="17"/>
      <c r="C23" s="13">
        <v>12076</v>
      </c>
      <c r="D23" s="14">
        <v>6273</v>
      </c>
      <c r="E23" s="14">
        <v>5803</v>
      </c>
      <c r="F23" s="14"/>
      <c r="G23" s="18" t="s">
        <v>44</v>
      </c>
      <c r="H23" s="17"/>
      <c r="I23" s="13">
        <v>16160</v>
      </c>
      <c r="J23" s="14">
        <v>7897</v>
      </c>
      <c r="K23" s="14">
        <v>8263</v>
      </c>
    </row>
    <row r="24" spans="1:11" ht="15" customHeight="1">
      <c r="A24" s="17" t="s">
        <v>45</v>
      </c>
      <c r="B24" s="17"/>
      <c r="C24" s="13">
        <v>2224</v>
      </c>
      <c r="D24" s="19">
        <v>1147</v>
      </c>
      <c r="E24" s="19">
        <v>1077</v>
      </c>
      <c r="F24" s="19"/>
      <c r="G24" s="18" t="s">
        <v>46</v>
      </c>
      <c r="H24" s="17"/>
      <c r="I24" s="13">
        <v>3032</v>
      </c>
      <c r="J24" s="19">
        <v>1515</v>
      </c>
      <c r="K24" s="19">
        <v>1517</v>
      </c>
    </row>
    <row r="25" spans="1:11" ht="15" customHeight="1">
      <c r="A25" s="17" t="s">
        <v>47</v>
      </c>
      <c r="B25" s="17"/>
      <c r="C25" s="13">
        <v>2342</v>
      </c>
      <c r="D25" s="19">
        <v>1171</v>
      </c>
      <c r="E25" s="19">
        <v>1171</v>
      </c>
      <c r="F25" s="19"/>
      <c r="G25" s="18" t="s">
        <v>48</v>
      </c>
      <c r="H25" s="17"/>
      <c r="I25" s="13">
        <v>3089</v>
      </c>
      <c r="J25" s="19">
        <v>1560</v>
      </c>
      <c r="K25" s="19">
        <v>1529</v>
      </c>
    </row>
    <row r="26" spans="1:11" ht="15" customHeight="1">
      <c r="A26" s="17" t="s">
        <v>49</v>
      </c>
      <c r="B26" s="17"/>
      <c r="C26" s="13">
        <v>2424</v>
      </c>
      <c r="D26" s="19">
        <v>1264</v>
      </c>
      <c r="E26" s="19">
        <v>1160</v>
      </c>
      <c r="F26" s="19"/>
      <c r="G26" s="18" t="s">
        <v>50</v>
      </c>
      <c r="H26" s="17"/>
      <c r="I26" s="13">
        <v>3127</v>
      </c>
      <c r="J26" s="19">
        <v>1512</v>
      </c>
      <c r="K26" s="19">
        <v>1615</v>
      </c>
    </row>
    <row r="27" spans="1:11" ht="15" customHeight="1">
      <c r="A27" s="17" t="s">
        <v>51</v>
      </c>
      <c r="B27" s="17"/>
      <c r="C27" s="13">
        <v>2361</v>
      </c>
      <c r="D27" s="19">
        <v>1197</v>
      </c>
      <c r="E27" s="19">
        <v>1164</v>
      </c>
      <c r="F27" s="19"/>
      <c r="G27" s="18" t="s">
        <v>52</v>
      </c>
      <c r="H27" s="17"/>
      <c r="I27" s="13">
        <v>3338</v>
      </c>
      <c r="J27" s="19">
        <v>1638</v>
      </c>
      <c r="K27" s="19">
        <v>1700</v>
      </c>
    </row>
    <row r="28" spans="1:11" ht="15" customHeight="1">
      <c r="A28" s="17" t="s">
        <v>53</v>
      </c>
      <c r="B28" s="17"/>
      <c r="C28" s="13">
        <v>2725</v>
      </c>
      <c r="D28" s="19">
        <v>1494</v>
      </c>
      <c r="E28" s="19">
        <v>1231</v>
      </c>
      <c r="F28" s="19"/>
      <c r="G28" s="18" t="s">
        <v>54</v>
      </c>
      <c r="H28" s="17"/>
      <c r="I28" s="13">
        <v>3574</v>
      </c>
      <c r="J28" s="19">
        <v>1672</v>
      </c>
      <c r="K28" s="19">
        <v>1902</v>
      </c>
    </row>
    <row r="29" spans="1:11" ht="20.100000000000001" customHeight="1">
      <c r="A29" s="17" t="s">
        <v>55</v>
      </c>
      <c r="B29" s="17"/>
      <c r="C29" s="13">
        <v>13485</v>
      </c>
      <c r="D29" s="14">
        <v>7093</v>
      </c>
      <c r="E29" s="14">
        <v>6392</v>
      </c>
      <c r="F29" s="14"/>
      <c r="G29" s="18" t="s">
        <v>56</v>
      </c>
      <c r="H29" s="17"/>
      <c r="I29" s="13">
        <v>19563</v>
      </c>
      <c r="J29" s="14">
        <v>9406</v>
      </c>
      <c r="K29" s="14">
        <v>10157</v>
      </c>
    </row>
    <row r="30" spans="1:11" ht="15" customHeight="1">
      <c r="A30" s="17" t="s">
        <v>57</v>
      </c>
      <c r="B30" s="17"/>
      <c r="C30" s="13">
        <v>2831</v>
      </c>
      <c r="D30" s="19">
        <v>1485</v>
      </c>
      <c r="E30" s="19">
        <v>1346</v>
      </c>
      <c r="F30" s="19"/>
      <c r="G30" s="18" t="s">
        <v>58</v>
      </c>
      <c r="H30" s="17"/>
      <c r="I30" s="13">
        <v>3932</v>
      </c>
      <c r="J30" s="19">
        <v>1990</v>
      </c>
      <c r="K30" s="19">
        <v>1942</v>
      </c>
    </row>
    <row r="31" spans="1:11" ht="15" customHeight="1">
      <c r="A31" s="17" t="s">
        <v>59</v>
      </c>
      <c r="B31" s="17"/>
      <c r="C31" s="13">
        <v>2847</v>
      </c>
      <c r="D31" s="19">
        <v>1509</v>
      </c>
      <c r="E31" s="19">
        <v>1338</v>
      </c>
      <c r="F31" s="19"/>
      <c r="G31" s="18" t="s">
        <v>60</v>
      </c>
      <c r="H31" s="17"/>
      <c r="I31" s="13">
        <v>4425</v>
      </c>
      <c r="J31" s="19">
        <v>2060</v>
      </c>
      <c r="K31" s="19">
        <v>2365</v>
      </c>
    </row>
    <row r="32" spans="1:11" ht="15" customHeight="1">
      <c r="A32" s="17" t="s">
        <v>61</v>
      </c>
      <c r="B32" s="17"/>
      <c r="C32" s="13">
        <v>2825</v>
      </c>
      <c r="D32" s="19">
        <v>1558</v>
      </c>
      <c r="E32" s="19">
        <v>1267</v>
      </c>
      <c r="F32" s="19"/>
      <c r="G32" s="18" t="s">
        <v>62</v>
      </c>
      <c r="H32" s="17"/>
      <c r="I32" s="13">
        <v>4082</v>
      </c>
      <c r="J32" s="19">
        <v>1964</v>
      </c>
      <c r="K32" s="19">
        <v>2118</v>
      </c>
    </row>
    <row r="33" spans="1:11" ht="15" customHeight="1">
      <c r="A33" s="17" t="s">
        <v>63</v>
      </c>
      <c r="B33" s="17"/>
      <c r="C33" s="13">
        <v>2511</v>
      </c>
      <c r="D33" s="19">
        <v>1277</v>
      </c>
      <c r="E33" s="19">
        <v>1234</v>
      </c>
      <c r="F33" s="19"/>
      <c r="G33" s="18" t="s">
        <v>64</v>
      </c>
      <c r="H33" s="17"/>
      <c r="I33" s="13">
        <v>4167</v>
      </c>
      <c r="J33" s="19">
        <v>2000</v>
      </c>
      <c r="K33" s="19">
        <v>2167</v>
      </c>
    </row>
    <row r="34" spans="1:11" ht="15" customHeight="1">
      <c r="A34" s="17" t="s">
        <v>65</v>
      </c>
      <c r="B34" s="17"/>
      <c r="C34" s="13">
        <v>2471</v>
      </c>
      <c r="D34" s="19">
        <v>1264</v>
      </c>
      <c r="E34" s="19">
        <v>1207</v>
      </c>
      <c r="F34" s="19"/>
      <c r="G34" s="18" t="s">
        <v>66</v>
      </c>
      <c r="H34" s="17"/>
      <c r="I34" s="13">
        <v>2957</v>
      </c>
      <c r="J34" s="19">
        <v>1392</v>
      </c>
      <c r="K34" s="19">
        <v>1565</v>
      </c>
    </row>
    <row r="35" spans="1:11" ht="20.100000000000001" customHeight="1">
      <c r="A35" s="17" t="s">
        <v>67</v>
      </c>
      <c r="B35" s="17"/>
      <c r="C35" s="13">
        <v>11441</v>
      </c>
      <c r="D35" s="14">
        <v>6121</v>
      </c>
      <c r="E35" s="14">
        <v>5320</v>
      </c>
      <c r="F35" s="14"/>
      <c r="G35" s="18" t="s">
        <v>68</v>
      </c>
      <c r="H35" s="17"/>
      <c r="I35" s="13">
        <v>15043</v>
      </c>
      <c r="J35" s="14">
        <v>6894</v>
      </c>
      <c r="K35" s="14">
        <v>8149</v>
      </c>
    </row>
    <row r="36" spans="1:11" ht="15" customHeight="1">
      <c r="A36" s="17" t="s">
        <v>69</v>
      </c>
      <c r="B36" s="17"/>
      <c r="C36" s="13">
        <v>2302</v>
      </c>
      <c r="D36" s="19">
        <v>1256</v>
      </c>
      <c r="E36" s="19">
        <v>1046</v>
      </c>
      <c r="F36" s="19"/>
      <c r="G36" s="18" t="s">
        <v>70</v>
      </c>
      <c r="H36" s="17"/>
      <c r="I36" s="13">
        <v>2478</v>
      </c>
      <c r="J36" s="19">
        <v>1177</v>
      </c>
      <c r="K36" s="19">
        <v>1301</v>
      </c>
    </row>
    <row r="37" spans="1:11" ht="15" customHeight="1">
      <c r="A37" s="17" t="s">
        <v>71</v>
      </c>
      <c r="B37" s="17"/>
      <c r="C37" s="13">
        <v>2400</v>
      </c>
      <c r="D37" s="19">
        <v>1313</v>
      </c>
      <c r="E37" s="19">
        <v>1087</v>
      </c>
      <c r="F37" s="19"/>
      <c r="G37" s="18" t="s">
        <v>72</v>
      </c>
      <c r="H37" s="17"/>
      <c r="I37" s="13">
        <v>3185</v>
      </c>
      <c r="J37" s="19">
        <v>1497</v>
      </c>
      <c r="K37" s="19">
        <v>1688</v>
      </c>
    </row>
    <row r="38" spans="1:11" ht="15" customHeight="1">
      <c r="A38" s="17" t="s">
        <v>73</v>
      </c>
      <c r="B38" s="17"/>
      <c r="C38" s="13">
        <v>2246</v>
      </c>
      <c r="D38" s="19">
        <v>1208</v>
      </c>
      <c r="E38" s="19">
        <v>1038</v>
      </c>
      <c r="F38" s="19"/>
      <c r="G38" s="18" t="s">
        <v>74</v>
      </c>
      <c r="H38" s="17"/>
      <c r="I38" s="13">
        <v>3268</v>
      </c>
      <c r="J38" s="19">
        <v>1503</v>
      </c>
      <c r="K38" s="19">
        <v>1765</v>
      </c>
    </row>
    <row r="39" spans="1:11" ht="15" customHeight="1">
      <c r="A39" s="17" t="s">
        <v>75</v>
      </c>
      <c r="B39" s="17"/>
      <c r="C39" s="13">
        <v>2204</v>
      </c>
      <c r="D39" s="19">
        <v>1139</v>
      </c>
      <c r="E39" s="19">
        <v>1065</v>
      </c>
      <c r="F39" s="19"/>
      <c r="G39" s="18" t="s">
        <v>76</v>
      </c>
      <c r="H39" s="17"/>
      <c r="I39" s="13">
        <v>3099</v>
      </c>
      <c r="J39" s="19">
        <v>1375</v>
      </c>
      <c r="K39" s="19">
        <v>1724</v>
      </c>
    </row>
    <row r="40" spans="1:11" ht="15" customHeight="1">
      <c r="A40" s="17" t="s">
        <v>77</v>
      </c>
      <c r="B40" s="17"/>
      <c r="C40" s="13">
        <v>2289</v>
      </c>
      <c r="D40" s="19">
        <v>1205</v>
      </c>
      <c r="E40" s="19">
        <v>1084</v>
      </c>
      <c r="F40" s="19"/>
      <c r="G40" s="18" t="s">
        <v>78</v>
      </c>
      <c r="H40" s="17"/>
      <c r="I40" s="13">
        <v>3013</v>
      </c>
      <c r="J40" s="19">
        <v>1342</v>
      </c>
      <c r="K40" s="19">
        <v>1671</v>
      </c>
    </row>
    <row r="41" spans="1:11" ht="20.100000000000001" customHeight="1">
      <c r="A41" s="17" t="s">
        <v>79</v>
      </c>
      <c r="B41" s="17"/>
      <c r="C41" s="13">
        <v>11934</v>
      </c>
      <c r="D41" s="14">
        <v>6228</v>
      </c>
      <c r="E41" s="14">
        <v>5706</v>
      </c>
      <c r="F41" s="14"/>
      <c r="G41" s="18" t="s">
        <v>80</v>
      </c>
      <c r="H41" s="17"/>
      <c r="I41" s="13">
        <v>10820</v>
      </c>
      <c r="J41" s="14">
        <v>4739</v>
      </c>
      <c r="K41" s="14">
        <v>6081</v>
      </c>
    </row>
    <row r="42" spans="1:11" ht="15" customHeight="1">
      <c r="A42" s="17" t="s">
        <v>81</v>
      </c>
      <c r="B42" s="17"/>
      <c r="C42" s="13">
        <v>2242</v>
      </c>
      <c r="D42" s="19">
        <v>1128</v>
      </c>
      <c r="E42" s="19">
        <v>1114</v>
      </c>
      <c r="F42" s="19"/>
      <c r="G42" s="18" t="s">
        <v>82</v>
      </c>
      <c r="H42" s="17"/>
      <c r="I42" s="13">
        <v>2691</v>
      </c>
      <c r="J42" s="19">
        <v>1178</v>
      </c>
      <c r="K42" s="19">
        <v>1513</v>
      </c>
    </row>
    <row r="43" spans="1:11" ht="15" customHeight="1">
      <c r="A43" s="17" t="s">
        <v>83</v>
      </c>
      <c r="B43" s="17"/>
      <c r="C43" s="13">
        <v>2294</v>
      </c>
      <c r="D43" s="19">
        <v>1210</v>
      </c>
      <c r="E43" s="19">
        <v>1084</v>
      </c>
      <c r="F43" s="19"/>
      <c r="G43" s="18" t="s">
        <v>84</v>
      </c>
      <c r="H43" s="17"/>
      <c r="I43" s="13">
        <v>2190</v>
      </c>
      <c r="J43" s="19">
        <v>996</v>
      </c>
      <c r="K43" s="19">
        <v>1194</v>
      </c>
    </row>
    <row r="44" spans="1:11" ht="15" customHeight="1">
      <c r="A44" s="17" t="s">
        <v>85</v>
      </c>
      <c r="B44" s="17"/>
      <c r="C44" s="13">
        <v>2313</v>
      </c>
      <c r="D44" s="19">
        <v>1205</v>
      </c>
      <c r="E44" s="19">
        <v>1108</v>
      </c>
      <c r="F44" s="19"/>
      <c r="G44" s="18" t="s">
        <v>86</v>
      </c>
      <c r="H44" s="17"/>
      <c r="I44" s="13">
        <v>1878</v>
      </c>
      <c r="J44" s="19">
        <v>811</v>
      </c>
      <c r="K44" s="19">
        <v>1067</v>
      </c>
    </row>
    <row r="45" spans="1:11" ht="15" customHeight="1">
      <c r="A45" s="17" t="s">
        <v>87</v>
      </c>
      <c r="B45" s="17"/>
      <c r="C45" s="13">
        <v>2516</v>
      </c>
      <c r="D45" s="19">
        <v>1313</v>
      </c>
      <c r="E45" s="19">
        <v>1203</v>
      </c>
      <c r="F45" s="19"/>
      <c r="G45" s="18" t="s">
        <v>88</v>
      </c>
      <c r="H45" s="17"/>
      <c r="I45" s="13">
        <v>2211</v>
      </c>
      <c r="J45" s="19">
        <v>971</v>
      </c>
      <c r="K45" s="19">
        <v>1240</v>
      </c>
    </row>
    <row r="46" spans="1:11" ht="15" customHeight="1">
      <c r="A46" s="17" t="s">
        <v>89</v>
      </c>
      <c r="B46" s="17"/>
      <c r="C46" s="13">
        <v>2569</v>
      </c>
      <c r="D46" s="19">
        <v>1372</v>
      </c>
      <c r="E46" s="19">
        <v>1197</v>
      </c>
      <c r="F46" s="19"/>
      <c r="G46" s="18" t="s">
        <v>90</v>
      </c>
      <c r="H46" s="17"/>
      <c r="I46" s="13">
        <v>1850</v>
      </c>
      <c r="J46" s="19">
        <v>783</v>
      </c>
      <c r="K46" s="19">
        <v>1067</v>
      </c>
    </row>
    <row r="47" spans="1:11" ht="20.100000000000001" customHeight="1">
      <c r="A47" s="17" t="s">
        <v>91</v>
      </c>
      <c r="B47" s="17"/>
      <c r="C47" s="13">
        <v>14155</v>
      </c>
      <c r="D47" s="14">
        <v>7270</v>
      </c>
      <c r="E47" s="14">
        <v>6885</v>
      </c>
      <c r="F47" s="14"/>
      <c r="G47" s="18" t="s">
        <v>92</v>
      </c>
      <c r="H47" s="17"/>
      <c r="I47" s="13">
        <v>6822</v>
      </c>
      <c r="J47" s="14">
        <v>2505</v>
      </c>
      <c r="K47" s="14">
        <v>4317</v>
      </c>
    </row>
    <row r="48" spans="1:11" ht="15" customHeight="1">
      <c r="A48" s="17" t="s">
        <v>93</v>
      </c>
      <c r="B48" s="17"/>
      <c r="C48" s="13">
        <v>2714</v>
      </c>
      <c r="D48" s="19">
        <v>1410</v>
      </c>
      <c r="E48" s="19">
        <v>1304</v>
      </c>
      <c r="F48" s="19"/>
      <c r="G48" s="18" t="s">
        <v>94</v>
      </c>
      <c r="H48" s="17"/>
      <c r="I48" s="13">
        <v>1785</v>
      </c>
      <c r="J48" s="19">
        <v>705</v>
      </c>
      <c r="K48" s="19">
        <v>1080</v>
      </c>
    </row>
    <row r="49" spans="1:11" ht="15" customHeight="1">
      <c r="A49" s="17" t="s">
        <v>95</v>
      </c>
      <c r="B49" s="17"/>
      <c r="C49" s="13">
        <v>2732</v>
      </c>
      <c r="D49" s="19">
        <v>1384</v>
      </c>
      <c r="E49" s="19">
        <v>1348</v>
      </c>
      <c r="F49" s="19"/>
      <c r="G49" s="18" t="s">
        <v>96</v>
      </c>
      <c r="H49" s="17"/>
      <c r="I49" s="13">
        <v>1463</v>
      </c>
      <c r="J49" s="19">
        <v>544</v>
      </c>
      <c r="K49" s="19">
        <v>919</v>
      </c>
    </row>
    <row r="50" spans="1:11" ht="15" customHeight="1">
      <c r="A50" s="17" t="s">
        <v>97</v>
      </c>
      <c r="B50" s="17"/>
      <c r="C50" s="13">
        <v>2853</v>
      </c>
      <c r="D50" s="19">
        <v>1477</v>
      </c>
      <c r="E50" s="19">
        <v>1376</v>
      </c>
      <c r="F50" s="19"/>
      <c r="G50" s="18" t="s">
        <v>98</v>
      </c>
      <c r="H50" s="17"/>
      <c r="I50" s="13">
        <v>1273</v>
      </c>
      <c r="J50" s="19">
        <v>472</v>
      </c>
      <c r="K50" s="19">
        <v>801</v>
      </c>
    </row>
    <row r="51" spans="1:11" ht="15" customHeight="1">
      <c r="A51" s="17" t="s">
        <v>99</v>
      </c>
      <c r="B51" s="17"/>
      <c r="C51" s="13">
        <v>2894</v>
      </c>
      <c r="D51" s="19">
        <v>1512</v>
      </c>
      <c r="E51" s="19">
        <v>1382</v>
      </c>
      <c r="F51" s="19"/>
      <c r="G51" s="18" t="s">
        <v>100</v>
      </c>
      <c r="H51" s="17"/>
      <c r="I51" s="13">
        <v>1231</v>
      </c>
      <c r="J51" s="19">
        <v>439</v>
      </c>
      <c r="K51" s="19">
        <v>792</v>
      </c>
    </row>
    <row r="52" spans="1:11" ht="15" customHeight="1">
      <c r="A52" s="17" t="s">
        <v>101</v>
      </c>
      <c r="B52" s="17"/>
      <c r="C52" s="13">
        <v>2962</v>
      </c>
      <c r="D52" s="19">
        <v>1487</v>
      </c>
      <c r="E52" s="19">
        <v>1475</v>
      </c>
      <c r="F52" s="19"/>
      <c r="G52" s="18" t="s">
        <v>102</v>
      </c>
      <c r="H52" s="17"/>
      <c r="I52" s="13">
        <v>1070</v>
      </c>
      <c r="J52" s="19">
        <v>345</v>
      </c>
      <c r="K52" s="19">
        <v>725</v>
      </c>
    </row>
    <row r="53" spans="1:11" ht="20.100000000000001" customHeight="1">
      <c r="A53" s="17" t="s">
        <v>103</v>
      </c>
      <c r="B53" s="17"/>
      <c r="C53" s="13">
        <v>16905</v>
      </c>
      <c r="D53" s="14">
        <v>8742</v>
      </c>
      <c r="E53" s="14">
        <v>8163</v>
      </c>
      <c r="F53" s="14"/>
      <c r="G53" s="18" t="s">
        <v>104</v>
      </c>
      <c r="H53" s="17"/>
      <c r="I53" s="13">
        <v>3182</v>
      </c>
      <c r="J53" s="14">
        <v>928</v>
      </c>
      <c r="K53" s="14">
        <v>2254</v>
      </c>
    </row>
    <row r="54" spans="1:11" ht="15" customHeight="1">
      <c r="A54" s="17" t="s">
        <v>105</v>
      </c>
      <c r="B54" s="17"/>
      <c r="C54" s="13">
        <v>3138</v>
      </c>
      <c r="D54" s="19">
        <v>1630</v>
      </c>
      <c r="E54" s="19">
        <v>1508</v>
      </c>
      <c r="F54" s="19"/>
      <c r="G54" s="18" t="s">
        <v>106</v>
      </c>
      <c r="H54" s="17"/>
      <c r="I54" s="13">
        <v>902</v>
      </c>
      <c r="J54" s="19">
        <v>261</v>
      </c>
      <c r="K54" s="19">
        <v>641</v>
      </c>
    </row>
    <row r="55" spans="1:11" ht="15" customHeight="1">
      <c r="A55" s="17" t="s">
        <v>107</v>
      </c>
      <c r="B55" s="17"/>
      <c r="C55" s="13">
        <v>3277</v>
      </c>
      <c r="D55" s="19">
        <v>1682</v>
      </c>
      <c r="E55" s="19">
        <v>1595</v>
      </c>
      <c r="F55" s="19"/>
      <c r="G55" s="18" t="s">
        <v>108</v>
      </c>
      <c r="H55" s="17"/>
      <c r="I55" s="13">
        <v>763</v>
      </c>
      <c r="J55" s="19">
        <v>242</v>
      </c>
      <c r="K55" s="19">
        <v>521</v>
      </c>
    </row>
    <row r="56" spans="1:11" ht="15" customHeight="1">
      <c r="A56" s="17" t="s">
        <v>109</v>
      </c>
      <c r="B56" s="17"/>
      <c r="C56" s="13">
        <v>3401</v>
      </c>
      <c r="D56" s="19">
        <v>1727</v>
      </c>
      <c r="E56" s="19">
        <v>1674</v>
      </c>
      <c r="F56" s="19"/>
      <c r="G56" s="18" t="s">
        <v>110</v>
      </c>
      <c r="H56" s="17"/>
      <c r="I56" s="13">
        <v>639</v>
      </c>
      <c r="J56" s="19">
        <v>180</v>
      </c>
      <c r="K56" s="19">
        <v>459</v>
      </c>
    </row>
    <row r="57" spans="1:11" ht="15" customHeight="1">
      <c r="A57" s="17" t="s">
        <v>111</v>
      </c>
      <c r="B57" s="17"/>
      <c r="C57" s="13">
        <v>3469</v>
      </c>
      <c r="D57" s="19">
        <v>1821</v>
      </c>
      <c r="E57" s="19">
        <v>1648</v>
      </c>
      <c r="F57" s="19"/>
      <c r="G57" s="18" t="s">
        <v>112</v>
      </c>
      <c r="H57" s="17"/>
      <c r="I57" s="13">
        <v>494</v>
      </c>
      <c r="J57" s="19">
        <v>141</v>
      </c>
      <c r="K57" s="19">
        <v>353</v>
      </c>
    </row>
    <row r="58" spans="1:11" ht="15" customHeight="1">
      <c r="A58" s="17" t="s">
        <v>113</v>
      </c>
      <c r="B58" s="17"/>
      <c r="C58" s="13">
        <v>3620</v>
      </c>
      <c r="D58" s="19">
        <v>1882</v>
      </c>
      <c r="E58" s="19">
        <v>1738</v>
      </c>
      <c r="F58" s="19"/>
      <c r="G58" s="18" t="s">
        <v>114</v>
      </c>
      <c r="H58" s="17"/>
      <c r="I58" s="13">
        <v>384</v>
      </c>
      <c r="J58" s="19">
        <v>104</v>
      </c>
      <c r="K58" s="19">
        <v>280</v>
      </c>
    </row>
    <row r="59" spans="1:11" ht="20.100000000000001" customHeight="1">
      <c r="A59" s="17" t="s">
        <v>115</v>
      </c>
      <c r="B59" s="17"/>
      <c r="C59" s="13">
        <v>20639</v>
      </c>
      <c r="D59" s="14">
        <v>10528</v>
      </c>
      <c r="E59" s="14">
        <v>10111</v>
      </c>
      <c r="F59" s="14"/>
      <c r="G59" s="18" t="s">
        <v>116</v>
      </c>
      <c r="H59" s="17"/>
      <c r="I59" s="13">
        <v>918</v>
      </c>
      <c r="J59" s="14">
        <v>170</v>
      </c>
      <c r="K59" s="14">
        <v>748</v>
      </c>
    </row>
    <row r="60" spans="1:11" ht="15" customHeight="1">
      <c r="A60" s="17" t="s">
        <v>117</v>
      </c>
      <c r="B60" s="17"/>
      <c r="C60" s="13">
        <v>3826</v>
      </c>
      <c r="D60" s="19">
        <v>1919</v>
      </c>
      <c r="E60" s="19">
        <v>1907</v>
      </c>
      <c r="F60" s="19"/>
      <c r="G60" s="18" t="s">
        <v>118</v>
      </c>
      <c r="H60" s="17"/>
      <c r="I60" s="13">
        <v>324</v>
      </c>
      <c r="J60" s="19">
        <v>68</v>
      </c>
      <c r="K60" s="19">
        <v>256</v>
      </c>
    </row>
    <row r="61" spans="1:11" ht="15" customHeight="1">
      <c r="A61" s="17" t="s">
        <v>119</v>
      </c>
      <c r="B61" s="17"/>
      <c r="C61" s="13">
        <v>4146</v>
      </c>
      <c r="D61" s="19">
        <v>2110</v>
      </c>
      <c r="E61" s="19">
        <v>2036</v>
      </c>
      <c r="F61" s="19"/>
      <c r="G61" s="18" t="s">
        <v>120</v>
      </c>
      <c r="H61" s="17"/>
      <c r="I61" s="13">
        <v>228</v>
      </c>
      <c r="J61" s="19">
        <v>47</v>
      </c>
      <c r="K61" s="19">
        <v>181</v>
      </c>
    </row>
    <row r="62" spans="1:11" ht="15" customHeight="1">
      <c r="A62" s="17" t="s">
        <v>121</v>
      </c>
      <c r="B62" s="17"/>
      <c r="C62" s="13">
        <v>4224</v>
      </c>
      <c r="D62" s="19">
        <v>2170</v>
      </c>
      <c r="E62" s="19">
        <v>2054</v>
      </c>
      <c r="F62" s="19"/>
      <c r="G62" s="18" t="s">
        <v>122</v>
      </c>
      <c r="H62" s="17"/>
      <c r="I62" s="13">
        <v>169</v>
      </c>
      <c r="J62" s="19">
        <v>25</v>
      </c>
      <c r="K62" s="19">
        <v>144</v>
      </c>
    </row>
    <row r="63" spans="1:11" ht="15" customHeight="1">
      <c r="A63" s="17" t="s">
        <v>123</v>
      </c>
      <c r="B63" s="17"/>
      <c r="C63" s="13">
        <v>4226</v>
      </c>
      <c r="D63" s="19">
        <v>2144</v>
      </c>
      <c r="E63" s="19">
        <v>2082</v>
      </c>
      <c r="F63" s="19"/>
      <c r="G63" s="18" t="s">
        <v>124</v>
      </c>
      <c r="H63" s="17"/>
      <c r="I63" s="13">
        <v>125</v>
      </c>
      <c r="J63" s="19">
        <v>23</v>
      </c>
      <c r="K63" s="19">
        <v>102</v>
      </c>
    </row>
    <row r="64" spans="1:11" ht="15" customHeight="1">
      <c r="A64" s="17" t="s">
        <v>125</v>
      </c>
      <c r="B64" s="17"/>
      <c r="C64" s="13">
        <v>4217</v>
      </c>
      <c r="D64" s="19">
        <v>2185</v>
      </c>
      <c r="E64" s="19">
        <v>2032</v>
      </c>
      <c r="F64" s="19"/>
      <c r="G64" s="18" t="s">
        <v>126</v>
      </c>
      <c r="H64" s="17"/>
      <c r="I64" s="13">
        <v>72</v>
      </c>
      <c r="J64" s="19">
        <v>7</v>
      </c>
      <c r="K64" s="19">
        <v>6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70</v>
      </c>
      <c r="J65" s="19">
        <v>17</v>
      </c>
      <c r="K65" s="19">
        <v>15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5486</v>
      </c>
      <c r="J66" s="29">
        <v>3322</v>
      </c>
      <c r="K66" s="29">
        <v>216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38071</v>
      </c>
      <c r="D4" s="14">
        <v>216140</v>
      </c>
      <c r="E4" s="14">
        <v>22193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7308</v>
      </c>
      <c r="D5" s="14">
        <v>8884</v>
      </c>
      <c r="E5" s="14">
        <v>8424</v>
      </c>
      <c r="F5" s="14"/>
      <c r="G5" s="18" t="s">
        <v>8</v>
      </c>
      <c r="H5" s="17"/>
      <c r="I5" s="13">
        <v>34188</v>
      </c>
      <c r="J5" s="14">
        <v>17501</v>
      </c>
      <c r="K5" s="14">
        <v>16687</v>
      </c>
    </row>
    <row r="6" spans="1:11" ht="15" customHeight="1">
      <c r="A6" s="17" t="s">
        <v>9</v>
      </c>
      <c r="B6" s="17"/>
      <c r="C6" s="13">
        <v>3184</v>
      </c>
      <c r="D6" s="19">
        <v>1661</v>
      </c>
      <c r="E6" s="19">
        <v>1523</v>
      </c>
      <c r="F6" s="19"/>
      <c r="G6" s="18" t="s">
        <v>10</v>
      </c>
      <c r="H6" s="17"/>
      <c r="I6" s="13">
        <v>7397</v>
      </c>
      <c r="J6" s="19">
        <v>3700</v>
      </c>
      <c r="K6" s="19">
        <v>3697</v>
      </c>
    </row>
    <row r="7" spans="1:11" ht="15" customHeight="1">
      <c r="A7" s="17" t="s">
        <v>11</v>
      </c>
      <c r="B7" s="17"/>
      <c r="C7" s="13">
        <v>3320</v>
      </c>
      <c r="D7" s="19">
        <v>1699</v>
      </c>
      <c r="E7" s="19">
        <v>1621</v>
      </c>
      <c r="F7" s="19"/>
      <c r="G7" s="18" t="s">
        <v>12</v>
      </c>
      <c r="H7" s="17"/>
      <c r="I7" s="13">
        <v>7157</v>
      </c>
      <c r="J7" s="19">
        <v>3694</v>
      </c>
      <c r="K7" s="19">
        <v>3463</v>
      </c>
    </row>
    <row r="8" spans="1:11" ht="15" customHeight="1">
      <c r="A8" s="17" t="s">
        <v>13</v>
      </c>
      <c r="B8" s="17"/>
      <c r="C8" s="13">
        <v>3533</v>
      </c>
      <c r="D8" s="19">
        <v>1796</v>
      </c>
      <c r="E8" s="19">
        <v>1737</v>
      </c>
      <c r="F8" s="19"/>
      <c r="G8" s="18" t="s">
        <v>14</v>
      </c>
      <c r="H8" s="17"/>
      <c r="I8" s="13">
        <v>7189</v>
      </c>
      <c r="J8" s="19">
        <v>3605</v>
      </c>
      <c r="K8" s="19">
        <v>3584</v>
      </c>
    </row>
    <row r="9" spans="1:11" ht="15" customHeight="1">
      <c r="A9" s="17" t="s">
        <v>15</v>
      </c>
      <c r="B9" s="17"/>
      <c r="C9" s="13">
        <v>3464</v>
      </c>
      <c r="D9" s="19">
        <v>1759</v>
      </c>
      <c r="E9" s="19">
        <v>1705</v>
      </c>
      <c r="F9" s="19"/>
      <c r="G9" s="18" t="s">
        <v>16</v>
      </c>
      <c r="H9" s="17"/>
      <c r="I9" s="13">
        <v>7318</v>
      </c>
      <c r="J9" s="19">
        <v>3842</v>
      </c>
      <c r="K9" s="19">
        <v>3476</v>
      </c>
    </row>
    <row r="10" spans="1:11" ht="15" customHeight="1">
      <c r="A10" s="17" t="s">
        <v>17</v>
      </c>
      <c r="B10" s="17"/>
      <c r="C10" s="13">
        <v>3807</v>
      </c>
      <c r="D10" s="19">
        <v>1969</v>
      </c>
      <c r="E10" s="19">
        <v>1838</v>
      </c>
      <c r="F10" s="19"/>
      <c r="G10" s="18" t="s">
        <v>18</v>
      </c>
      <c r="H10" s="17"/>
      <c r="I10" s="13">
        <v>5127</v>
      </c>
      <c r="J10" s="19">
        <v>2660</v>
      </c>
      <c r="K10" s="19">
        <v>2467</v>
      </c>
    </row>
    <row r="11" spans="1:11" ht="20.100000000000001" customHeight="1">
      <c r="A11" s="17" t="s">
        <v>19</v>
      </c>
      <c r="B11" s="17"/>
      <c r="C11" s="13">
        <v>19419</v>
      </c>
      <c r="D11" s="14">
        <v>9947</v>
      </c>
      <c r="E11" s="14">
        <v>9472</v>
      </c>
      <c r="F11" s="14"/>
      <c r="G11" s="18" t="s">
        <v>20</v>
      </c>
      <c r="H11" s="17"/>
      <c r="I11" s="13">
        <v>28504</v>
      </c>
      <c r="J11" s="14">
        <v>14692</v>
      </c>
      <c r="K11" s="14">
        <v>13812</v>
      </c>
    </row>
    <row r="12" spans="1:11" ht="15" customHeight="1">
      <c r="A12" s="17" t="s">
        <v>21</v>
      </c>
      <c r="B12" s="17"/>
      <c r="C12" s="13">
        <v>3816</v>
      </c>
      <c r="D12" s="19">
        <v>1939</v>
      </c>
      <c r="E12" s="19">
        <v>1877</v>
      </c>
      <c r="F12" s="19"/>
      <c r="G12" s="18" t="s">
        <v>22</v>
      </c>
      <c r="H12" s="17"/>
      <c r="I12" s="13">
        <v>6558</v>
      </c>
      <c r="J12" s="19">
        <v>3369</v>
      </c>
      <c r="K12" s="19">
        <v>3189</v>
      </c>
    </row>
    <row r="13" spans="1:11" ht="15" customHeight="1">
      <c r="A13" s="17" t="s">
        <v>23</v>
      </c>
      <c r="B13" s="17"/>
      <c r="C13" s="13">
        <v>3802</v>
      </c>
      <c r="D13" s="19">
        <v>1961</v>
      </c>
      <c r="E13" s="19">
        <v>1841</v>
      </c>
      <c r="F13" s="19"/>
      <c r="G13" s="18" t="s">
        <v>24</v>
      </c>
      <c r="H13" s="17"/>
      <c r="I13" s="13">
        <v>6018</v>
      </c>
      <c r="J13" s="19">
        <v>3101</v>
      </c>
      <c r="K13" s="19">
        <v>2917</v>
      </c>
    </row>
    <row r="14" spans="1:11" ht="15" customHeight="1">
      <c r="A14" s="17" t="s">
        <v>25</v>
      </c>
      <c r="B14" s="17"/>
      <c r="C14" s="13">
        <v>3909</v>
      </c>
      <c r="D14" s="19">
        <v>2008</v>
      </c>
      <c r="E14" s="19">
        <v>1901</v>
      </c>
      <c r="F14" s="19"/>
      <c r="G14" s="18" t="s">
        <v>26</v>
      </c>
      <c r="H14" s="17"/>
      <c r="I14" s="13">
        <v>5803</v>
      </c>
      <c r="J14" s="19">
        <v>3002</v>
      </c>
      <c r="K14" s="19">
        <v>2801</v>
      </c>
    </row>
    <row r="15" spans="1:11" ht="15" customHeight="1">
      <c r="A15" s="17" t="s">
        <v>27</v>
      </c>
      <c r="B15" s="17"/>
      <c r="C15" s="13">
        <v>3929</v>
      </c>
      <c r="D15" s="19">
        <v>1983</v>
      </c>
      <c r="E15" s="19">
        <v>1946</v>
      </c>
      <c r="F15" s="19"/>
      <c r="G15" s="18" t="s">
        <v>28</v>
      </c>
      <c r="H15" s="17"/>
      <c r="I15" s="13">
        <v>5193</v>
      </c>
      <c r="J15" s="19">
        <v>2727</v>
      </c>
      <c r="K15" s="19">
        <v>2466</v>
      </c>
    </row>
    <row r="16" spans="1:11" ht="15" customHeight="1">
      <c r="A16" s="17" t="s">
        <v>29</v>
      </c>
      <c r="B16" s="17"/>
      <c r="C16" s="13">
        <v>3963</v>
      </c>
      <c r="D16" s="19">
        <v>2056</v>
      </c>
      <c r="E16" s="19">
        <v>1907</v>
      </c>
      <c r="F16" s="19"/>
      <c r="G16" s="18" t="s">
        <v>30</v>
      </c>
      <c r="H16" s="17"/>
      <c r="I16" s="13">
        <v>4932</v>
      </c>
      <c r="J16" s="19">
        <v>2493</v>
      </c>
      <c r="K16" s="19">
        <v>2439</v>
      </c>
    </row>
    <row r="17" spans="1:11" ht="20.100000000000001" customHeight="1">
      <c r="A17" s="20" t="s">
        <v>31</v>
      </c>
      <c r="B17" s="20"/>
      <c r="C17" s="13">
        <v>20110</v>
      </c>
      <c r="D17" s="14">
        <v>10288</v>
      </c>
      <c r="E17" s="14">
        <v>9822</v>
      </c>
      <c r="F17" s="14"/>
      <c r="G17" s="18" t="s">
        <v>32</v>
      </c>
      <c r="H17" s="17"/>
      <c r="I17" s="13">
        <v>21998</v>
      </c>
      <c r="J17" s="14">
        <v>11051</v>
      </c>
      <c r="K17" s="14">
        <v>10947</v>
      </c>
    </row>
    <row r="18" spans="1:11" ht="15" customHeight="1">
      <c r="A18" s="17" t="s">
        <v>33</v>
      </c>
      <c r="B18" s="17"/>
      <c r="C18" s="13">
        <v>3950</v>
      </c>
      <c r="D18" s="19">
        <v>2014</v>
      </c>
      <c r="E18" s="19">
        <v>1936</v>
      </c>
      <c r="F18" s="19"/>
      <c r="G18" s="18" t="s">
        <v>34</v>
      </c>
      <c r="H18" s="17"/>
      <c r="I18" s="13">
        <v>4802</v>
      </c>
      <c r="J18" s="19">
        <v>2431</v>
      </c>
      <c r="K18" s="19">
        <v>2371</v>
      </c>
    </row>
    <row r="19" spans="1:11" ht="15" customHeight="1">
      <c r="A19" s="17" t="s">
        <v>35</v>
      </c>
      <c r="B19" s="17"/>
      <c r="C19" s="13">
        <v>4088</v>
      </c>
      <c r="D19" s="19">
        <v>2097</v>
      </c>
      <c r="E19" s="19">
        <v>1991</v>
      </c>
      <c r="F19" s="19"/>
      <c r="G19" s="18" t="s">
        <v>36</v>
      </c>
      <c r="H19" s="17"/>
      <c r="I19" s="13">
        <v>4542</v>
      </c>
      <c r="J19" s="19">
        <v>2329</v>
      </c>
      <c r="K19" s="19">
        <v>2213</v>
      </c>
    </row>
    <row r="20" spans="1:11" ht="15" customHeight="1">
      <c r="A20" s="17" t="s">
        <v>37</v>
      </c>
      <c r="B20" s="17"/>
      <c r="C20" s="13">
        <v>4091</v>
      </c>
      <c r="D20" s="19">
        <v>2069</v>
      </c>
      <c r="E20" s="19">
        <v>2022</v>
      </c>
      <c r="F20" s="19"/>
      <c r="G20" s="18" t="s">
        <v>38</v>
      </c>
      <c r="H20" s="17"/>
      <c r="I20" s="13">
        <v>4486</v>
      </c>
      <c r="J20" s="19">
        <v>2280</v>
      </c>
      <c r="K20" s="19">
        <v>2206</v>
      </c>
    </row>
    <row r="21" spans="1:11" ht="15" customHeight="1">
      <c r="A21" s="17" t="s">
        <v>39</v>
      </c>
      <c r="B21" s="17"/>
      <c r="C21" s="13">
        <v>4038</v>
      </c>
      <c r="D21" s="19">
        <v>2090</v>
      </c>
      <c r="E21" s="19">
        <v>1948</v>
      </c>
      <c r="F21" s="19"/>
      <c r="G21" s="18" t="s">
        <v>40</v>
      </c>
      <c r="H21" s="17"/>
      <c r="I21" s="13">
        <v>4097</v>
      </c>
      <c r="J21" s="19">
        <v>2016</v>
      </c>
      <c r="K21" s="19">
        <v>2081</v>
      </c>
    </row>
    <row r="22" spans="1:11" ht="15" customHeight="1">
      <c r="A22" s="17" t="s">
        <v>41</v>
      </c>
      <c r="B22" s="17"/>
      <c r="C22" s="13">
        <v>3943</v>
      </c>
      <c r="D22" s="19">
        <v>2018</v>
      </c>
      <c r="E22" s="19">
        <v>1925</v>
      </c>
      <c r="F22" s="19"/>
      <c r="G22" s="18" t="s">
        <v>42</v>
      </c>
      <c r="H22" s="17"/>
      <c r="I22" s="13">
        <v>4071</v>
      </c>
      <c r="J22" s="19">
        <v>1995</v>
      </c>
      <c r="K22" s="19">
        <v>2076</v>
      </c>
    </row>
    <row r="23" spans="1:11" ht="20.100000000000001" customHeight="1">
      <c r="A23" s="17" t="s">
        <v>43</v>
      </c>
      <c r="B23" s="17"/>
      <c r="C23" s="13">
        <v>20530</v>
      </c>
      <c r="D23" s="14">
        <v>10446</v>
      </c>
      <c r="E23" s="14">
        <v>10084</v>
      </c>
      <c r="F23" s="14"/>
      <c r="G23" s="18" t="s">
        <v>44</v>
      </c>
      <c r="H23" s="17"/>
      <c r="I23" s="13">
        <v>22412</v>
      </c>
      <c r="J23" s="14">
        <v>10713</v>
      </c>
      <c r="K23" s="14">
        <v>11699</v>
      </c>
    </row>
    <row r="24" spans="1:11" ht="15" customHeight="1">
      <c r="A24" s="17" t="s">
        <v>45</v>
      </c>
      <c r="B24" s="17"/>
      <c r="C24" s="13">
        <v>3858</v>
      </c>
      <c r="D24" s="19">
        <v>1942</v>
      </c>
      <c r="E24" s="19">
        <v>1916</v>
      </c>
      <c r="F24" s="19"/>
      <c r="G24" s="18" t="s">
        <v>46</v>
      </c>
      <c r="H24" s="17"/>
      <c r="I24" s="13">
        <v>4260</v>
      </c>
      <c r="J24" s="19">
        <v>2093</v>
      </c>
      <c r="K24" s="19">
        <v>2167</v>
      </c>
    </row>
    <row r="25" spans="1:11" ht="15" customHeight="1">
      <c r="A25" s="17" t="s">
        <v>47</v>
      </c>
      <c r="B25" s="17"/>
      <c r="C25" s="13">
        <v>4137</v>
      </c>
      <c r="D25" s="19">
        <v>2076</v>
      </c>
      <c r="E25" s="19">
        <v>2061</v>
      </c>
      <c r="F25" s="19"/>
      <c r="G25" s="18" t="s">
        <v>48</v>
      </c>
      <c r="H25" s="17"/>
      <c r="I25" s="13">
        <v>4238</v>
      </c>
      <c r="J25" s="19">
        <v>2084</v>
      </c>
      <c r="K25" s="19">
        <v>2154</v>
      </c>
    </row>
    <row r="26" spans="1:11" ht="15" customHeight="1">
      <c r="A26" s="17" t="s">
        <v>49</v>
      </c>
      <c r="B26" s="17"/>
      <c r="C26" s="13">
        <v>4087</v>
      </c>
      <c r="D26" s="19">
        <v>2060</v>
      </c>
      <c r="E26" s="19">
        <v>2027</v>
      </c>
      <c r="F26" s="19"/>
      <c r="G26" s="18" t="s">
        <v>50</v>
      </c>
      <c r="H26" s="17"/>
      <c r="I26" s="13">
        <v>4248</v>
      </c>
      <c r="J26" s="19">
        <v>2016</v>
      </c>
      <c r="K26" s="19">
        <v>2232</v>
      </c>
    </row>
    <row r="27" spans="1:11" ht="15" customHeight="1">
      <c r="A27" s="17" t="s">
        <v>51</v>
      </c>
      <c r="B27" s="17"/>
      <c r="C27" s="13">
        <v>4032</v>
      </c>
      <c r="D27" s="19">
        <v>2074</v>
      </c>
      <c r="E27" s="19">
        <v>1958</v>
      </c>
      <c r="F27" s="19"/>
      <c r="G27" s="18" t="s">
        <v>52</v>
      </c>
      <c r="H27" s="17"/>
      <c r="I27" s="13">
        <v>4719</v>
      </c>
      <c r="J27" s="19">
        <v>2230</v>
      </c>
      <c r="K27" s="19">
        <v>2489</v>
      </c>
    </row>
    <row r="28" spans="1:11" ht="15" customHeight="1">
      <c r="A28" s="17" t="s">
        <v>53</v>
      </c>
      <c r="B28" s="17"/>
      <c r="C28" s="13">
        <v>4416</v>
      </c>
      <c r="D28" s="19">
        <v>2294</v>
      </c>
      <c r="E28" s="19">
        <v>2122</v>
      </c>
      <c r="F28" s="19"/>
      <c r="G28" s="18" t="s">
        <v>54</v>
      </c>
      <c r="H28" s="17"/>
      <c r="I28" s="13">
        <v>4947</v>
      </c>
      <c r="J28" s="19">
        <v>2290</v>
      </c>
      <c r="K28" s="19">
        <v>2657</v>
      </c>
    </row>
    <row r="29" spans="1:11" ht="20.100000000000001" customHeight="1">
      <c r="A29" s="17" t="s">
        <v>55</v>
      </c>
      <c r="B29" s="17"/>
      <c r="C29" s="13">
        <v>22059</v>
      </c>
      <c r="D29" s="14">
        <v>11567</v>
      </c>
      <c r="E29" s="14">
        <v>10492</v>
      </c>
      <c r="F29" s="14"/>
      <c r="G29" s="18" t="s">
        <v>56</v>
      </c>
      <c r="H29" s="17"/>
      <c r="I29" s="13">
        <v>27922</v>
      </c>
      <c r="J29" s="14">
        <v>12897</v>
      </c>
      <c r="K29" s="14">
        <v>15025</v>
      </c>
    </row>
    <row r="30" spans="1:11" ht="15" customHeight="1">
      <c r="A30" s="17" t="s">
        <v>57</v>
      </c>
      <c r="B30" s="17"/>
      <c r="C30" s="13">
        <v>4605</v>
      </c>
      <c r="D30" s="19">
        <v>2430</v>
      </c>
      <c r="E30" s="19">
        <v>2175</v>
      </c>
      <c r="F30" s="19"/>
      <c r="G30" s="18" t="s">
        <v>58</v>
      </c>
      <c r="H30" s="17"/>
      <c r="I30" s="13">
        <v>5346</v>
      </c>
      <c r="J30" s="19">
        <v>2516</v>
      </c>
      <c r="K30" s="19">
        <v>2830</v>
      </c>
    </row>
    <row r="31" spans="1:11" ht="15" customHeight="1">
      <c r="A31" s="17" t="s">
        <v>59</v>
      </c>
      <c r="B31" s="17"/>
      <c r="C31" s="13">
        <v>4472</v>
      </c>
      <c r="D31" s="19">
        <v>2314</v>
      </c>
      <c r="E31" s="19">
        <v>2158</v>
      </c>
      <c r="F31" s="19"/>
      <c r="G31" s="18" t="s">
        <v>60</v>
      </c>
      <c r="H31" s="17"/>
      <c r="I31" s="13">
        <v>6156</v>
      </c>
      <c r="J31" s="19">
        <v>2836</v>
      </c>
      <c r="K31" s="19">
        <v>3320</v>
      </c>
    </row>
    <row r="32" spans="1:11" ht="15" customHeight="1">
      <c r="A32" s="17" t="s">
        <v>61</v>
      </c>
      <c r="B32" s="17"/>
      <c r="C32" s="13">
        <v>4490</v>
      </c>
      <c r="D32" s="19">
        <v>2335</v>
      </c>
      <c r="E32" s="19">
        <v>2155</v>
      </c>
      <c r="F32" s="19"/>
      <c r="G32" s="18" t="s">
        <v>62</v>
      </c>
      <c r="H32" s="17"/>
      <c r="I32" s="13">
        <v>6078</v>
      </c>
      <c r="J32" s="19">
        <v>2812</v>
      </c>
      <c r="K32" s="19">
        <v>3266</v>
      </c>
    </row>
    <row r="33" spans="1:11" ht="15" customHeight="1">
      <c r="A33" s="17" t="s">
        <v>63</v>
      </c>
      <c r="B33" s="17"/>
      <c r="C33" s="13">
        <v>4284</v>
      </c>
      <c r="D33" s="19">
        <v>2249</v>
      </c>
      <c r="E33" s="19">
        <v>2035</v>
      </c>
      <c r="F33" s="19"/>
      <c r="G33" s="18" t="s">
        <v>64</v>
      </c>
      <c r="H33" s="17"/>
      <c r="I33" s="13">
        <v>6071</v>
      </c>
      <c r="J33" s="19">
        <v>2745</v>
      </c>
      <c r="K33" s="19">
        <v>3326</v>
      </c>
    </row>
    <row r="34" spans="1:11" ht="15" customHeight="1">
      <c r="A34" s="17" t="s">
        <v>65</v>
      </c>
      <c r="B34" s="17"/>
      <c r="C34" s="13">
        <v>4208</v>
      </c>
      <c r="D34" s="19">
        <v>2239</v>
      </c>
      <c r="E34" s="19">
        <v>1969</v>
      </c>
      <c r="F34" s="19"/>
      <c r="G34" s="18" t="s">
        <v>66</v>
      </c>
      <c r="H34" s="17"/>
      <c r="I34" s="13">
        <v>4271</v>
      </c>
      <c r="J34" s="19">
        <v>1988</v>
      </c>
      <c r="K34" s="19">
        <v>2283</v>
      </c>
    </row>
    <row r="35" spans="1:11" ht="20.100000000000001" customHeight="1">
      <c r="A35" s="17" t="s">
        <v>67</v>
      </c>
      <c r="B35" s="17"/>
      <c r="C35" s="13">
        <v>20519</v>
      </c>
      <c r="D35" s="14">
        <v>10739</v>
      </c>
      <c r="E35" s="14">
        <v>9780</v>
      </c>
      <c r="F35" s="14"/>
      <c r="G35" s="18" t="s">
        <v>68</v>
      </c>
      <c r="H35" s="17"/>
      <c r="I35" s="13">
        <v>22165</v>
      </c>
      <c r="J35" s="14">
        <v>9910</v>
      </c>
      <c r="K35" s="14">
        <v>12255</v>
      </c>
    </row>
    <row r="36" spans="1:11" ht="15" customHeight="1">
      <c r="A36" s="17" t="s">
        <v>69</v>
      </c>
      <c r="B36" s="17"/>
      <c r="C36" s="13">
        <v>4034</v>
      </c>
      <c r="D36" s="19">
        <v>2119</v>
      </c>
      <c r="E36" s="19">
        <v>1915</v>
      </c>
      <c r="F36" s="19"/>
      <c r="G36" s="18" t="s">
        <v>70</v>
      </c>
      <c r="H36" s="17"/>
      <c r="I36" s="13">
        <v>3810</v>
      </c>
      <c r="J36" s="19">
        <v>1756</v>
      </c>
      <c r="K36" s="19">
        <v>2054</v>
      </c>
    </row>
    <row r="37" spans="1:11" ht="15" customHeight="1">
      <c r="A37" s="17" t="s">
        <v>71</v>
      </c>
      <c r="B37" s="17"/>
      <c r="C37" s="13">
        <v>4157</v>
      </c>
      <c r="D37" s="19">
        <v>2161</v>
      </c>
      <c r="E37" s="19">
        <v>1996</v>
      </c>
      <c r="F37" s="19"/>
      <c r="G37" s="18" t="s">
        <v>72</v>
      </c>
      <c r="H37" s="17"/>
      <c r="I37" s="13">
        <v>4593</v>
      </c>
      <c r="J37" s="19">
        <v>2063</v>
      </c>
      <c r="K37" s="19">
        <v>2530</v>
      </c>
    </row>
    <row r="38" spans="1:11" ht="15" customHeight="1">
      <c r="A38" s="17" t="s">
        <v>73</v>
      </c>
      <c r="B38" s="17"/>
      <c r="C38" s="13">
        <v>4118</v>
      </c>
      <c r="D38" s="19">
        <v>2183</v>
      </c>
      <c r="E38" s="19">
        <v>1935</v>
      </c>
      <c r="F38" s="19"/>
      <c r="G38" s="18" t="s">
        <v>74</v>
      </c>
      <c r="H38" s="17"/>
      <c r="I38" s="13">
        <v>4718</v>
      </c>
      <c r="J38" s="19">
        <v>2098</v>
      </c>
      <c r="K38" s="19">
        <v>2620</v>
      </c>
    </row>
    <row r="39" spans="1:11" ht="15" customHeight="1">
      <c r="A39" s="17" t="s">
        <v>75</v>
      </c>
      <c r="B39" s="17"/>
      <c r="C39" s="13">
        <v>4024</v>
      </c>
      <c r="D39" s="19">
        <v>2101</v>
      </c>
      <c r="E39" s="19">
        <v>1923</v>
      </c>
      <c r="F39" s="19"/>
      <c r="G39" s="18" t="s">
        <v>76</v>
      </c>
      <c r="H39" s="17"/>
      <c r="I39" s="13">
        <v>4549</v>
      </c>
      <c r="J39" s="19">
        <v>2052</v>
      </c>
      <c r="K39" s="19">
        <v>2497</v>
      </c>
    </row>
    <row r="40" spans="1:11" ht="15" customHeight="1">
      <c r="A40" s="17" t="s">
        <v>77</v>
      </c>
      <c r="B40" s="17"/>
      <c r="C40" s="13">
        <v>4186</v>
      </c>
      <c r="D40" s="19">
        <v>2175</v>
      </c>
      <c r="E40" s="19">
        <v>2011</v>
      </c>
      <c r="F40" s="19"/>
      <c r="G40" s="18" t="s">
        <v>78</v>
      </c>
      <c r="H40" s="17"/>
      <c r="I40" s="13">
        <v>4495</v>
      </c>
      <c r="J40" s="19">
        <v>1941</v>
      </c>
      <c r="K40" s="19">
        <v>2554</v>
      </c>
    </row>
    <row r="41" spans="1:11" ht="20.100000000000001" customHeight="1">
      <c r="A41" s="17" t="s">
        <v>79</v>
      </c>
      <c r="B41" s="17"/>
      <c r="C41" s="13">
        <v>22017</v>
      </c>
      <c r="D41" s="14">
        <v>11309</v>
      </c>
      <c r="E41" s="14">
        <v>10708</v>
      </c>
      <c r="F41" s="14"/>
      <c r="G41" s="18" t="s">
        <v>80</v>
      </c>
      <c r="H41" s="17"/>
      <c r="I41" s="13">
        <v>16684</v>
      </c>
      <c r="J41" s="14">
        <v>7079</v>
      </c>
      <c r="K41" s="14">
        <v>9605</v>
      </c>
    </row>
    <row r="42" spans="1:11" ht="15" customHeight="1">
      <c r="A42" s="17" t="s">
        <v>81</v>
      </c>
      <c r="B42" s="17"/>
      <c r="C42" s="13">
        <v>4191</v>
      </c>
      <c r="D42" s="19">
        <v>2182</v>
      </c>
      <c r="E42" s="19">
        <v>2009</v>
      </c>
      <c r="F42" s="19"/>
      <c r="G42" s="18" t="s">
        <v>82</v>
      </c>
      <c r="H42" s="17"/>
      <c r="I42" s="13">
        <v>3897</v>
      </c>
      <c r="J42" s="19">
        <v>1701</v>
      </c>
      <c r="K42" s="19">
        <v>2196</v>
      </c>
    </row>
    <row r="43" spans="1:11" ht="15" customHeight="1">
      <c r="A43" s="17" t="s">
        <v>83</v>
      </c>
      <c r="B43" s="17"/>
      <c r="C43" s="13">
        <v>4296</v>
      </c>
      <c r="D43" s="19">
        <v>2222</v>
      </c>
      <c r="E43" s="19">
        <v>2074</v>
      </c>
      <c r="F43" s="19"/>
      <c r="G43" s="18" t="s">
        <v>84</v>
      </c>
      <c r="H43" s="17"/>
      <c r="I43" s="13">
        <v>3247</v>
      </c>
      <c r="J43" s="19">
        <v>1406</v>
      </c>
      <c r="K43" s="19">
        <v>1841</v>
      </c>
    </row>
    <row r="44" spans="1:11" ht="15" customHeight="1">
      <c r="A44" s="17" t="s">
        <v>85</v>
      </c>
      <c r="B44" s="17"/>
      <c r="C44" s="13">
        <v>4440</v>
      </c>
      <c r="D44" s="19">
        <v>2296</v>
      </c>
      <c r="E44" s="19">
        <v>2144</v>
      </c>
      <c r="F44" s="19"/>
      <c r="G44" s="18" t="s">
        <v>86</v>
      </c>
      <c r="H44" s="17"/>
      <c r="I44" s="13">
        <v>3158</v>
      </c>
      <c r="J44" s="19">
        <v>1316</v>
      </c>
      <c r="K44" s="19">
        <v>1842</v>
      </c>
    </row>
    <row r="45" spans="1:11" ht="15" customHeight="1">
      <c r="A45" s="17" t="s">
        <v>87</v>
      </c>
      <c r="B45" s="17"/>
      <c r="C45" s="13">
        <v>4389</v>
      </c>
      <c r="D45" s="19">
        <v>2179</v>
      </c>
      <c r="E45" s="19">
        <v>2210</v>
      </c>
      <c r="F45" s="19"/>
      <c r="G45" s="18" t="s">
        <v>88</v>
      </c>
      <c r="H45" s="17"/>
      <c r="I45" s="13">
        <v>3326</v>
      </c>
      <c r="J45" s="19">
        <v>1420</v>
      </c>
      <c r="K45" s="19">
        <v>1906</v>
      </c>
    </row>
    <row r="46" spans="1:11" ht="15" customHeight="1">
      <c r="A46" s="17" t="s">
        <v>89</v>
      </c>
      <c r="B46" s="17"/>
      <c r="C46" s="13">
        <v>4701</v>
      </c>
      <c r="D46" s="19">
        <v>2430</v>
      </c>
      <c r="E46" s="19">
        <v>2271</v>
      </c>
      <c r="F46" s="19"/>
      <c r="G46" s="18" t="s">
        <v>90</v>
      </c>
      <c r="H46" s="17"/>
      <c r="I46" s="13">
        <v>3056</v>
      </c>
      <c r="J46" s="19">
        <v>1236</v>
      </c>
      <c r="K46" s="19">
        <v>1820</v>
      </c>
    </row>
    <row r="47" spans="1:11" ht="20.100000000000001" customHeight="1">
      <c r="A47" s="17" t="s">
        <v>91</v>
      </c>
      <c r="B47" s="17"/>
      <c r="C47" s="13">
        <v>27023</v>
      </c>
      <c r="D47" s="14">
        <v>13527</v>
      </c>
      <c r="E47" s="14">
        <v>13496</v>
      </c>
      <c r="F47" s="14"/>
      <c r="G47" s="18" t="s">
        <v>92</v>
      </c>
      <c r="H47" s="17"/>
      <c r="I47" s="13">
        <v>10946</v>
      </c>
      <c r="J47" s="14">
        <v>4078</v>
      </c>
      <c r="K47" s="14">
        <v>6868</v>
      </c>
    </row>
    <row r="48" spans="1:11" ht="15" customHeight="1">
      <c r="A48" s="17" t="s">
        <v>93</v>
      </c>
      <c r="B48" s="17"/>
      <c r="C48" s="13">
        <v>5030</v>
      </c>
      <c r="D48" s="19">
        <v>2493</v>
      </c>
      <c r="E48" s="19">
        <v>2537</v>
      </c>
      <c r="F48" s="19"/>
      <c r="G48" s="18" t="s">
        <v>94</v>
      </c>
      <c r="H48" s="17"/>
      <c r="I48" s="13">
        <v>2852</v>
      </c>
      <c r="J48" s="19">
        <v>1144</v>
      </c>
      <c r="K48" s="19">
        <v>1708</v>
      </c>
    </row>
    <row r="49" spans="1:11" ht="15" customHeight="1">
      <c r="A49" s="17" t="s">
        <v>95</v>
      </c>
      <c r="B49" s="17"/>
      <c r="C49" s="13">
        <v>5212</v>
      </c>
      <c r="D49" s="19">
        <v>2625</v>
      </c>
      <c r="E49" s="19">
        <v>2587</v>
      </c>
      <c r="F49" s="19"/>
      <c r="G49" s="18" t="s">
        <v>96</v>
      </c>
      <c r="H49" s="17"/>
      <c r="I49" s="13">
        <v>2356</v>
      </c>
      <c r="J49" s="19">
        <v>898</v>
      </c>
      <c r="K49" s="19">
        <v>1458</v>
      </c>
    </row>
    <row r="50" spans="1:11" ht="15" customHeight="1">
      <c r="A50" s="17" t="s">
        <v>97</v>
      </c>
      <c r="B50" s="17"/>
      <c r="C50" s="13">
        <v>5587</v>
      </c>
      <c r="D50" s="19">
        <v>2825</v>
      </c>
      <c r="E50" s="19">
        <v>2762</v>
      </c>
      <c r="F50" s="19"/>
      <c r="G50" s="18" t="s">
        <v>98</v>
      </c>
      <c r="H50" s="17"/>
      <c r="I50" s="13">
        <v>2191</v>
      </c>
      <c r="J50" s="19">
        <v>813</v>
      </c>
      <c r="K50" s="19">
        <v>1378</v>
      </c>
    </row>
    <row r="51" spans="1:11" ht="15" customHeight="1">
      <c r="A51" s="17" t="s">
        <v>99</v>
      </c>
      <c r="B51" s="17"/>
      <c r="C51" s="13">
        <v>5550</v>
      </c>
      <c r="D51" s="19">
        <v>2796</v>
      </c>
      <c r="E51" s="19">
        <v>2754</v>
      </c>
      <c r="F51" s="19"/>
      <c r="G51" s="18" t="s">
        <v>100</v>
      </c>
      <c r="H51" s="17"/>
      <c r="I51" s="13">
        <v>1885</v>
      </c>
      <c r="J51" s="19">
        <v>707</v>
      </c>
      <c r="K51" s="19">
        <v>1178</v>
      </c>
    </row>
    <row r="52" spans="1:11" ht="15" customHeight="1">
      <c r="A52" s="17" t="s">
        <v>101</v>
      </c>
      <c r="B52" s="17"/>
      <c r="C52" s="13">
        <v>5644</v>
      </c>
      <c r="D52" s="19">
        <v>2788</v>
      </c>
      <c r="E52" s="19">
        <v>2856</v>
      </c>
      <c r="F52" s="19"/>
      <c r="G52" s="18" t="s">
        <v>102</v>
      </c>
      <c r="H52" s="17"/>
      <c r="I52" s="13">
        <v>1662</v>
      </c>
      <c r="J52" s="19">
        <v>516</v>
      </c>
      <c r="K52" s="19">
        <v>1146</v>
      </c>
    </row>
    <row r="53" spans="1:11" ht="20.100000000000001" customHeight="1">
      <c r="A53" s="17" t="s">
        <v>103</v>
      </c>
      <c r="B53" s="17"/>
      <c r="C53" s="13">
        <v>31637</v>
      </c>
      <c r="D53" s="14">
        <v>15867</v>
      </c>
      <c r="E53" s="14">
        <v>15770</v>
      </c>
      <c r="F53" s="14"/>
      <c r="G53" s="18" t="s">
        <v>104</v>
      </c>
      <c r="H53" s="17"/>
      <c r="I53" s="13">
        <v>5083</v>
      </c>
      <c r="J53" s="14">
        <v>1488</v>
      </c>
      <c r="K53" s="14">
        <v>3595</v>
      </c>
    </row>
    <row r="54" spans="1:11" ht="15" customHeight="1">
      <c r="A54" s="17" t="s">
        <v>105</v>
      </c>
      <c r="B54" s="17"/>
      <c r="C54" s="13">
        <v>5886</v>
      </c>
      <c r="D54" s="19">
        <v>2923</v>
      </c>
      <c r="E54" s="19">
        <v>2963</v>
      </c>
      <c r="F54" s="19"/>
      <c r="G54" s="18" t="s">
        <v>106</v>
      </c>
      <c r="H54" s="17"/>
      <c r="I54" s="13">
        <v>1483</v>
      </c>
      <c r="J54" s="19">
        <v>476</v>
      </c>
      <c r="K54" s="19">
        <v>1007</v>
      </c>
    </row>
    <row r="55" spans="1:11" ht="15" customHeight="1">
      <c r="A55" s="17" t="s">
        <v>107</v>
      </c>
      <c r="B55" s="17"/>
      <c r="C55" s="13">
        <v>6185</v>
      </c>
      <c r="D55" s="19">
        <v>3145</v>
      </c>
      <c r="E55" s="19">
        <v>3040</v>
      </c>
      <c r="F55" s="19"/>
      <c r="G55" s="18" t="s">
        <v>108</v>
      </c>
      <c r="H55" s="17"/>
      <c r="I55" s="13">
        <v>1189</v>
      </c>
      <c r="J55" s="19">
        <v>366</v>
      </c>
      <c r="K55" s="19">
        <v>823</v>
      </c>
    </row>
    <row r="56" spans="1:11" ht="15" customHeight="1">
      <c r="A56" s="17" t="s">
        <v>109</v>
      </c>
      <c r="B56" s="17"/>
      <c r="C56" s="13">
        <v>6317</v>
      </c>
      <c r="D56" s="19">
        <v>3154</v>
      </c>
      <c r="E56" s="19">
        <v>3163</v>
      </c>
      <c r="F56" s="19"/>
      <c r="G56" s="18" t="s">
        <v>110</v>
      </c>
      <c r="H56" s="17"/>
      <c r="I56" s="13">
        <v>1041</v>
      </c>
      <c r="J56" s="19">
        <v>290</v>
      </c>
      <c r="K56" s="19">
        <v>751</v>
      </c>
    </row>
    <row r="57" spans="1:11" ht="15" customHeight="1">
      <c r="A57" s="17" t="s">
        <v>111</v>
      </c>
      <c r="B57" s="17"/>
      <c r="C57" s="13">
        <v>6506</v>
      </c>
      <c r="D57" s="19">
        <v>3256</v>
      </c>
      <c r="E57" s="19">
        <v>3250</v>
      </c>
      <c r="F57" s="19"/>
      <c r="G57" s="18" t="s">
        <v>112</v>
      </c>
      <c r="H57" s="17"/>
      <c r="I57" s="13">
        <v>784</v>
      </c>
      <c r="J57" s="19">
        <v>201</v>
      </c>
      <c r="K57" s="19">
        <v>583</v>
      </c>
    </row>
    <row r="58" spans="1:11" ht="15" customHeight="1">
      <c r="A58" s="17" t="s">
        <v>113</v>
      </c>
      <c r="B58" s="17"/>
      <c r="C58" s="13">
        <v>6743</v>
      </c>
      <c r="D58" s="19">
        <v>3389</v>
      </c>
      <c r="E58" s="19">
        <v>3354</v>
      </c>
      <c r="F58" s="19"/>
      <c r="G58" s="18" t="s">
        <v>114</v>
      </c>
      <c r="H58" s="17"/>
      <c r="I58" s="13">
        <v>586</v>
      </c>
      <c r="J58" s="19">
        <v>155</v>
      </c>
      <c r="K58" s="19">
        <v>431</v>
      </c>
    </row>
    <row r="59" spans="1:11" ht="20.100000000000001" customHeight="1">
      <c r="A59" s="17" t="s">
        <v>115</v>
      </c>
      <c r="B59" s="17"/>
      <c r="C59" s="13">
        <v>37631</v>
      </c>
      <c r="D59" s="14">
        <v>18851</v>
      </c>
      <c r="E59" s="14">
        <v>18780</v>
      </c>
      <c r="F59" s="14"/>
      <c r="G59" s="18" t="s">
        <v>116</v>
      </c>
      <c r="H59" s="17"/>
      <c r="I59" s="13">
        <v>1340</v>
      </c>
      <c r="J59" s="14">
        <v>283</v>
      </c>
      <c r="K59" s="14">
        <v>1057</v>
      </c>
    </row>
    <row r="60" spans="1:11" ht="15" customHeight="1">
      <c r="A60" s="17" t="s">
        <v>117</v>
      </c>
      <c r="B60" s="17"/>
      <c r="C60" s="13">
        <v>6900</v>
      </c>
      <c r="D60" s="19">
        <v>3396</v>
      </c>
      <c r="E60" s="19">
        <v>3504</v>
      </c>
      <c r="F60" s="19"/>
      <c r="G60" s="18" t="s">
        <v>118</v>
      </c>
      <c r="H60" s="17"/>
      <c r="I60" s="13">
        <v>471</v>
      </c>
      <c r="J60" s="19">
        <v>111</v>
      </c>
      <c r="K60" s="19">
        <v>360</v>
      </c>
    </row>
    <row r="61" spans="1:11" ht="15" customHeight="1">
      <c r="A61" s="17" t="s">
        <v>119</v>
      </c>
      <c r="B61" s="17"/>
      <c r="C61" s="13">
        <v>7425</v>
      </c>
      <c r="D61" s="19">
        <v>3777</v>
      </c>
      <c r="E61" s="19">
        <v>3648</v>
      </c>
      <c r="F61" s="19"/>
      <c r="G61" s="18" t="s">
        <v>120</v>
      </c>
      <c r="H61" s="17"/>
      <c r="I61" s="13">
        <v>332</v>
      </c>
      <c r="J61" s="19">
        <v>65</v>
      </c>
      <c r="K61" s="19">
        <v>267</v>
      </c>
    </row>
    <row r="62" spans="1:11" ht="15" customHeight="1">
      <c r="A62" s="17" t="s">
        <v>121</v>
      </c>
      <c r="B62" s="17"/>
      <c r="C62" s="13">
        <v>7975</v>
      </c>
      <c r="D62" s="19">
        <v>3976</v>
      </c>
      <c r="E62" s="19">
        <v>3999</v>
      </c>
      <c r="F62" s="19"/>
      <c r="G62" s="18" t="s">
        <v>122</v>
      </c>
      <c r="H62" s="17"/>
      <c r="I62" s="13">
        <v>234</v>
      </c>
      <c r="J62" s="19">
        <v>56</v>
      </c>
      <c r="K62" s="19">
        <v>178</v>
      </c>
    </row>
    <row r="63" spans="1:11" ht="15" customHeight="1">
      <c r="A63" s="17" t="s">
        <v>123</v>
      </c>
      <c r="B63" s="17"/>
      <c r="C63" s="13">
        <v>7677</v>
      </c>
      <c r="D63" s="19">
        <v>3873</v>
      </c>
      <c r="E63" s="19">
        <v>3804</v>
      </c>
      <c r="F63" s="19"/>
      <c r="G63" s="18" t="s">
        <v>124</v>
      </c>
      <c r="H63" s="17"/>
      <c r="I63" s="13">
        <v>174</v>
      </c>
      <c r="J63" s="19">
        <v>30</v>
      </c>
      <c r="K63" s="19">
        <v>144</v>
      </c>
    </row>
    <row r="64" spans="1:11" ht="15" customHeight="1">
      <c r="A64" s="17" t="s">
        <v>125</v>
      </c>
      <c r="B64" s="17"/>
      <c r="C64" s="13">
        <v>7654</v>
      </c>
      <c r="D64" s="19">
        <v>3829</v>
      </c>
      <c r="E64" s="19">
        <v>3825</v>
      </c>
      <c r="F64" s="19"/>
      <c r="G64" s="18" t="s">
        <v>126</v>
      </c>
      <c r="H64" s="17"/>
      <c r="I64" s="13">
        <v>129</v>
      </c>
      <c r="J64" s="19">
        <v>21</v>
      </c>
      <c r="K64" s="19">
        <v>10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51</v>
      </c>
      <c r="J65" s="19">
        <v>43</v>
      </c>
      <c r="K65" s="19">
        <v>20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325</v>
      </c>
      <c r="J66" s="29">
        <v>4980</v>
      </c>
      <c r="K66" s="29">
        <v>334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4761</v>
      </c>
      <c r="D4" s="14">
        <v>53064</v>
      </c>
      <c r="E4" s="14">
        <v>5169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974</v>
      </c>
      <c r="D5" s="14">
        <v>2015</v>
      </c>
      <c r="E5" s="14">
        <v>1959</v>
      </c>
      <c r="F5" s="14"/>
      <c r="G5" s="18" t="s">
        <v>8</v>
      </c>
      <c r="H5" s="17"/>
      <c r="I5" s="13">
        <v>8464</v>
      </c>
      <c r="J5" s="14">
        <v>4477</v>
      </c>
      <c r="K5" s="14">
        <v>3987</v>
      </c>
    </row>
    <row r="6" spans="1:11" ht="15" customHeight="1">
      <c r="A6" s="17" t="s">
        <v>9</v>
      </c>
      <c r="B6" s="17"/>
      <c r="C6" s="13">
        <v>738</v>
      </c>
      <c r="D6" s="19">
        <v>393</v>
      </c>
      <c r="E6" s="19">
        <v>345</v>
      </c>
      <c r="F6" s="19"/>
      <c r="G6" s="18" t="s">
        <v>10</v>
      </c>
      <c r="H6" s="17"/>
      <c r="I6" s="13">
        <v>1849</v>
      </c>
      <c r="J6" s="19">
        <v>970</v>
      </c>
      <c r="K6" s="19">
        <v>879</v>
      </c>
    </row>
    <row r="7" spans="1:11" ht="15" customHeight="1">
      <c r="A7" s="17" t="s">
        <v>11</v>
      </c>
      <c r="B7" s="17"/>
      <c r="C7" s="13">
        <v>807</v>
      </c>
      <c r="D7" s="19">
        <v>404</v>
      </c>
      <c r="E7" s="19">
        <v>403</v>
      </c>
      <c r="F7" s="19"/>
      <c r="G7" s="18" t="s">
        <v>12</v>
      </c>
      <c r="H7" s="17"/>
      <c r="I7" s="13">
        <v>1789</v>
      </c>
      <c r="J7" s="19">
        <v>914</v>
      </c>
      <c r="K7" s="19">
        <v>875</v>
      </c>
    </row>
    <row r="8" spans="1:11" ht="15" customHeight="1">
      <c r="A8" s="17" t="s">
        <v>13</v>
      </c>
      <c r="B8" s="17"/>
      <c r="C8" s="13">
        <v>789</v>
      </c>
      <c r="D8" s="19">
        <v>419</v>
      </c>
      <c r="E8" s="19">
        <v>370</v>
      </c>
      <c r="F8" s="19"/>
      <c r="G8" s="18" t="s">
        <v>14</v>
      </c>
      <c r="H8" s="17"/>
      <c r="I8" s="13">
        <v>1741</v>
      </c>
      <c r="J8" s="19">
        <v>941</v>
      </c>
      <c r="K8" s="19">
        <v>800</v>
      </c>
    </row>
    <row r="9" spans="1:11" ht="15" customHeight="1">
      <c r="A9" s="17" t="s">
        <v>15</v>
      </c>
      <c r="B9" s="17"/>
      <c r="C9" s="13">
        <v>819</v>
      </c>
      <c r="D9" s="19">
        <v>410</v>
      </c>
      <c r="E9" s="19">
        <v>409</v>
      </c>
      <c r="F9" s="19"/>
      <c r="G9" s="18" t="s">
        <v>16</v>
      </c>
      <c r="H9" s="17"/>
      <c r="I9" s="13">
        <v>1745</v>
      </c>
      <c r="J9" s="19">
        <v>927</v>
      </c>
      <c r="K9" s="19">
        <v>818</v>
      </c>
    </row>
    <row r="10" spans="1:11" ht="15" customHeight="1">
      <c r="A10" s="17" t="s">
        <v>17</v>
      </c>
      <c r="B10" s="17"/>
      <c r="C10" s="13">
        <v>821</v>
      </c>
      <c r="D10" s="19">
        <v>389</v>
      </c>
      <c r="E10" s="19">
        <v>432</v>
      </c>
      <c r="F10" s="19"/>
      <c r="G10" s="18" t="s">
        <v>18</v>
      </c>
      <c r="H10" s="17"/>
      <c r="I10" s="13">
        <v>1340</v>
      </c>
      <c r="J10" s="19">
        <v>725</v>
      </c>
      <c r="K10" s="19">
        <v>615</v>
      </c>
    </row>
    <row r="11" spans="1:11" ht="20.100000000000001" customHeight="1">
      <c r="A11" s="17" t="s">
        <v>19</v>
      </c>
      <c r="B11" s="17"/>
      <c r="C11" s="13">
        <v>3894</v>
      </c>
      <c r="D11" s="14">
        <v>1977</v>
      </c>
      <c r="E11" s="14">
        <v>1917</v>
      </c>
      <c r="F11" s="14"/>
      <c r="G11" s="18" t="s">
        <v>20</v>
      </c>
      <c r="H11" s="17"/>
      <c r="I11" s="13">
        <v>6653</v>
      </c>
      <c r="J11" s="14">
        <v>3502</v>
      </c>
      <c r="K11" s="14">
        <v>3151</v>
      </c>
    </row>
    <row r="12" spans="1:11" ht="15" customHeight="1">
      <c r="A12" s="17" t="s">
        <v>21</v>
      </c>
      <c r="B12" s="17"/>
      <c r="C12" s="13">
        <v>801</v>
      </c>
      <c r="D12" s="19">
        <v>424</v>
      </c>
      <c r="E12" s="19">
        <v>377</v>
      </c>
      <c r="F12" s="19"/>
      <c r="G12" s="18" t="s">
        <v>22</v>
      </c>
      <c r="H12" s="17"/>
      <c r="I12" s="13">
        <v>1498</v>
      </c>
      <c r="J12" s="19">
        <v>807</v>
      </c>
      <c r="K12" s="19">
        <v>691</v>
      </c>
    </row>
    <row r="13" spans="1:11" ht="15" customHeight="1">
      <c r="A13" s="17" t="s">
        <v>23</v>
      </c>
      <c r="B13" s="17"/>
      <c r="C13" s="13">
        <v>780</v>
      </c>
      <c r="D13" s="19">
        <v>402</v>
      </c>
      <c r="E13" s="19">
        <v>378</v>
      </c>
      <c r="F13" s="19"/>
      <c r="G13" s="18" t="s">
        <v>24</v>
      </c>
      <c r="H13" s="17"/>
      <c r="I13" s="13">
        <v>1432</v>
      </c>
      <c r="J13" s="19">
        <v>732</v>
      </c>
      <c r="K13" s="19">
        <v>700</v>
      </c>
    </row>
    <row r="14" spans="1:11" ht="15" customHeight="1">
      <c r="A14" s="17" t="s">
        <v>25</v>
      </c>
      <c r="B14" s="17"/>
      <c r="C14" s="13">
        <v>795</v>
      </c>
      <c r="D14" s="19">
        <v>415</v>
      </c>
      <c r="E14" s="19">
        <v>380</v>
      </c>
      <c r="F14" s="19"/>
      <c r="G14" s="18" t="s">
        <v>26</v>
      </c>
      <c r="H14" s="17"/>
      <c r="I14" s="13">
        <v>1293</v>
      </c>
      <c r="J14" s="19">
        <v>676</v>
      </c>
      <c r="K14" s="19">
        <v>617</v>
      </c>
    </row>
    <row r="15" spans="1:11" ht="15" customHeight="1">
      <c r="A15" s="17" t="s">
        <v>27</v>
      </c>
      <c r="B15" s="17"/>
      <c r="C15" s="13">
        <v>762</v>
      </c>
      <c r="D15" s="19">
        <v>366</v>
      </c>
      <c r="E15" s="19">
        <v>396</v>
      </c>
      <c r="F15" s="19"/>
      <c r="G15" s="18" t="s">
        <v>28</v>
      </c>
      <c r="H15" s="17"/>
      <c r="I15" s="13">
        <v>1289</v>
      </c>
      <c r="J15" s="19">
        <v>670</v>
      </c>
      <c r="K15" s="19">
        <v>619</v>
      </c>
    </row>
    <row r="16" spans="1:11" ht="15" customHeight="1">
      <c r="A16" s="17" t="s">
        <v>29</v>
      </c>
      <c r="B16" s="17"/>
      <c r="C16" s="13">
        <v>756</v>
      </c>
      <c r="D16" s="19">
        <v>370</v>
      </c>
      <c r="E16" s="19">
        <v>386</v>
      </c>
      <c r="F16" s="19"/>
      <c r="G16" s="18" t="s">
        <v>30</v>
      </c>
      <c r="H16" s="17"/>
      <c r="I16" s="13">
        <v>1141</v>
      </c>
      <c r="J16" s="19">
        <v>617</v>
      </c>
      <c r="K16" s="19">
        <v>524</v>
      </c>
    </row>
    <row r="17" spans="1:11" ht="20.100000000000001" customHeight="1">
      <c r="A17" s="20" t="s">
        <v>31</v>
      </c>
      <c r="B17" s="20"/>
      <c r="C17" s="13">
        <v>3540</v>
      </c>
      <c r="D17" s="14">
        <v>1832</v>
      </c>
      <c r="E17" s="14">
        <v>1708</v>
      </c>
      <c r="F17" s="14"/>
      <c r="G17" s="18" t="s">
        <v>32</v>
      </c>
      <c r="H17" s="17"/>
      <c r="I17" s="13">
        <v>5142</v>
      </c>
      <c r="J17" s="14">
        <v>2637</v>
      </c>
      <c r="K17" s="14">
        <v>2505</v>
      </c>
    </row>
    <row r="18" spans="1:11" ht="15" customHeight="1">
      <c r="A18" s="17" t="s">
        <v>33</v>
      </c>
      <c r="B18" s="17"/>
      <c r="C18" s="13">
        <v>760</v>
      </c>
      <c r="D18" s="19">
        <v>384</v>
      </c>
      <c r="E18" s="19">
        <v>376</v>
      </c>
      <c r="F18" s="19"/>
      <c r="G18" s="18" t="s">
        <v>34</v>
      </c>
      <c r="H18" s="17"/>
      <c r="I18" s="13">
        <v>1068</v>
      </c>
      <c r="J18" s="19">
        <v>539</v>
      </c>
      <c r="K18" s="19">
        <v>529</v>
      </c>
    </row>
    <row r="19" spans="1:11" ht="15" customHeight="1">
      <c r="A19" s="17" t="s">
        <v>35</v>
      </c>
      <c r="B19" s="17"/>
      <c r="C19" s="13">
        <v>732</v>
      </c>
      <c r="D19" s="19">
        <v>383</v>
      </c>
      <c r="E19" s="19">
        <v>349</v>
      </c>
      <c r="F19" s="19"/>
      <c r="G19" s="18" t="s">
        <v>36</v>
      </c>
      <c r="H19" s="17"/>
      <c r="I19" s="13">
        <v>1119</v>
      </c>
      <c r="J19" s="19">
        <v>589</v>
      </c>
      <c r="K19" s="19">
        <v>530</v>
      </c>
    </row>
    <row r="20" spans="1:11" ht="15" customHeight="1">
      <c r="A20" s="17" t="s">
        <v>37</v>
      </c>
      <c r="B20" s="17"/>
      <c r="C20" s="13">
        <v>692</v>
      </c>
      <c r="D20" s="19">
        <v>374</v>
      </c>
      <c r="E20" s="19">
        <v>318</v>
      </c>
      <c r="F20" s="19"/>
      <c r="G20" s="18" t="s">
        <v>38</v>
      </c>
      <c r="H20" s="17"/>
      <c r="I20" s="13">
        <v>1072</v>
      </c>
      <c r="J20" s="19">
        <v>545</v>
      </c>
      <c r="K20" s="19">
        <v>527</v>
      </c>
    </row>
    <row r="21" spans="1:11" ht="15" customHeight="1">
      <c r="A21" s="17" t="s">
        <v>39</v>
      </c>
      <c r="B21" s="17"/>
      <c r="C21" s="13">
        <v>702</v>
      </c>
      <c r="D21" s="19">
        <v>358</v>
      </c>
      <c r="E21" s="19">
        <v>344</v>
      </c>
      <c r="F21" s="19"/>
      <c r="G21" s="18" t="s">
        <v>40</v>
      </c>
      <c r="H21" s="17"/>
      <c r="I21" s="13">
        <v>955</v>
      </c>
      <c r="J21" s="19">
        <v>465</v>
      </c>
      <c r="K21" s="19">
        <v>490</v>
      </c>
    </row>
    <row r="22" spans="1:11" ht="15" customHeight="1">
      <c r="A22" s="17" t="s">
        <v>41</v>
      </c>
      <c r="B22" s="17"/>
      <c r="C22" s="13">
        <v>654</v>
      </c>
      <c r="D22" s="19">
        <v>333</v>
      </c>
      <c r="E22" s="19">
        <v>321</v>
      </c>
      <c r="F22" s="19"/>
      <c r="G22" s="18" t="s">
        <v>42</v>
      </c>
      <c r="H22" s="17"/>
      <c r="I22" s="13">
        <v>928</v>
      </c>
      <c r="J22" s="19">
        <v>499</v>
      </c>
      <c r="K22" s="19">
        <v>429</v>
      </c>
    </row>
    <row r="23" spans="1:11" ht="20.100000000000001" customHeight="1">
      <c r="A23" s="17" t="s">
        <v>43</v>
      </c>
      <c r="B23" s="17"/>
      <c r="C23" s="13">
        <v>3453</v>
      </c>
      <c r="D23" s="14">
        <v>1779</v>
      </c>
      <c r="E23" s="14">
        <v>1674</v>
      </c>
      <c r="F23" s="14"/>
      <c r="G23" s="18" t="s">
        <v>44</v>
      </c>
      <c r="H23" s="17"/>
      <c r="I23" s="13">
        <v>4661</v>
      </c>
      <c r="J23" s="14">
        <v>2328</v>
      </c>
      <c r="K23" s="14">
        <v>2333</v>
      </c>
    </row>
    <row r="24" spans="1:11" ht="15" customHeight="1">
      <c r="A24" s="17" t="s">
        <v>45</v>
      </c>
      <c r="B24" s="17"/>
      <c r="C24" s="13">
        <v>672</v>
      </c>
      <c r="D24" s="19">
        <v>352</v>
      </c>
      <c r="E24" s="19">
        <v>320</v>
      </c>
      <c r="F24" s="19"/>
      <c r="G24" s="18" t="s">
        <v>46</v>
      </c>
      <c r="H24" s="17"/>
      <c r="I24" s="13">
        <v>967</v>
      </c>
      <c r="J24" s="19">
        <v>489</v>
      </c>
      <c r="K24" s="19">
        <v>478</v>
      </c>
    </row>
    <row r="25" spans="1:11" ht="15" customHeight="1">
      <c r="A25" s="17" t="s">
        <v>47</v>
      </c>
      <c r="B25" s="17"/>
      <c r="C25" s="13">
        <v>659</v>
      </c>
      <c r="D25" s="19">
        <v>331</v>
      </c>
      <c r="E25" s="19">
        <v>328</v>
      </c>
      <c r="F25" s="19"/>
      <c r="G25" s="18" t="s">
        <v>48</v>
      </c>
      <c r="H25" s="17"/>
      <c r="I25" s="13">
        <v>897</v>
      </c>
      <c r="J25" s="19">
        <v>450</v>
      </c>
      <c r="K25" s="19">
        <v>447</v>
      </c>
    </row>
    <row r="26" spans="1:11" ht="15" customHeight="1">
      <c r="A26" s="17" t="s">
        <v>49</v>
      </c>
      <c r="B26" s="17"/>
      <c r="C26" s="13">
        <v>662</v>
      </c>
      <c r="D26" s="19">
        <v>360</v>
      </c>
      <c r="E26" s="19">
        <v>302</v>
      </c>
      <c r="F26" s="19"/>
      <c r="G26" s="18" t="s">
        <v>50</v>
      </c>
      <c r="H26" s="17"/>
      <c r="I26" s="13">
        <v>862</v>
      </c>
      <c r="J26" s="19">
        <v>425</v>
      </c>
      <c r="K26" s="19">
        <v>437</v>
      </c>
    </row>
    <row r="27" spans="1:11" ht="15" customHeight="1">
      <c r="A27" s="17" t="s">
        <v>51</v>
      </c>
      <c r="B27" s="17"/>
      <c r="C27" s="13">
        <v>695</v>
      </c>
      <c r="D27" s="19">
        <v>353</v>
      </c>
      <c r="E27" s="19">
        <v>342</v>
      </c>
      <c r="F27" s="19"/>
      <c r="G27" s="18" t="s">
        <v>52</v>
      </c>
      <c r="H27" s="17"/>
      <c r="I27" s="13">
        <v>974</v>
      </c>
      <c r="J27" s="19">
        <v>497</v>
      </c>
      <c r="K27" s="19">
        <v>477</v>
      </c>
    </row>
    <row r="28" spans="1:11" ht="15" customHeight="1">
      <c r="A28" s="17" t="s">
        <v>53</v>
      </c>
      <c r="B28" s="17"/>
      <c r="C28" s="13">
        <v>765</v>
      </c>
      <c r="D28" s="19">
        <v>383</v>
      </c>
      <c r="E28" s="19">
        <v>382</v>
      </c>
      <c r="F28" s="19"/>
      <c r="G28" s="18" t="s">
        <v>54</v>
      </c>
      <c r="H28" s="17"/>
      <c r="I28" s="13">
        <v>961</v>
      </c>
      <c r="J28" s="19">
        <v>467</v>
      </c>
      <c r="K28" s="19">
        <v>494</v>
      </c>
    </row>
    <row r="29" spans="1:11" ht="20.100000000000001" customHeight="1">
      <c r="A29" s="17" t="s">
        <v>55</v>
      </c>
      <c r="B29" s="17"/>
      <c r="C29" s="13">
        <v>5504</v>
      </c>
      <c r="D29" s="14">
        <v>2808</v>
      </c>
      <c r="E29" s="14">
        <v>2696</v>
      </c>
      <c r="F29" s="14"/>
      <c r="G29" s="18" t="s">
        <v>56</v>
      </c>
      <c r="H29" s="17"/>
      <c r="I29" s="13">
        <v>5228</v>
      </c>
      <c r="J29" s="14">
        <v>2545</v>
      </c>
      <c r="K29" s="14">
        <v>2683</v>
      </c>
    </row>
    <row r="30" spans="1:11" ht="15" customHeight="1">
      <c r="A30" s="17" t="s">
        <v>57</v>
      </c>
      <c r="B30" s="17"/>
      <c r="C30" s="13">
        <v>820</v>
      </c>
      <c r="D30" s="19">
        <v>383</v>
      </c>
      <c r="E30" s="19">
        <v>437</v>
      </c>
      <c r="F30" s="19"/>
      <c r="G30" s="18" t="s">
        <v>58</v>
      </c>
      <c r="H30" s="17"/>
      <c r="I30" s="13">
        <v>1011</v>
      </c>
      <c r="J30" s="19">
        <v>533</v>
      </c>
      <c r="K30" s="19">
        <v>478</v>
      </c>
    </row>
    <row r="31" spans="1:11" ht="15" customHeight="1">
      <c r="A31" s="17" t="s">
        <v>59</v>
      </c>
      <c r="B31" s="17"/>
      <c r="C31" s="13">
        <v>908</v>
      </c>
      <c r="D31" s="19">
        <v>456</v>
      </c>
      <c r="E31" s="19">
        <v>452</v>
      </c>
      <c r="F31" s="19"/>
      <c r="G31" s="18" t="s">
        <v>60</v>
      </c>
      <c r="H31" s="17"/>
      <c r="I31" s="13">
        <v>1134</v>
      </c>
      <c r="J31" s="19">
        <v>565</v>
      </c>
      <c r="K31" s="19">
        <v>569</v>
      </c>
    </row>
    <row r="32" spans="1:11" ht="15" customHeight="1">
      <c r="A32" s="17" t="s">
        <v>61</v>
      </c>
      <c r="B32" s="17"/>
      <c r="C32" s="13">
        <v>1024</v>
      </c>
      <c r="D32" s="19">
        <v>512</v>
      </c>
      <c r="E32" s="19">
        <v>512</v>
      </c>
      <c r="F32" s="19"/>
      <c r="G32" s="18" t="s">
        <v>62</v>
      </c>
      <c r="H32" s="17"/>
      <c r="I32" s="13">
        <v>1179</v>
      </c>
      <c r="J32" s="19">
        <v>558</v>
      </c>
      <c r="K32" s="19">
        <v>621</v>
      </c>
    </row>
    <row r="33" spans="1:11" ht="15" customHeight="1">
      <c r="A33" s="17" t="s">
        <v>63</v>
      </c>
      <c r="B33" s="17"/>
      <c r="C33" s="13">
        <v>1363</v>
      </c>
      <c r="D33" s="19">
        <v>714</v>
      </c>
      <c r="E33" s="19">
        <v>649</v>
      </c>
      <c r="F33" s="19"/>
      <c r="G33" s="18" t="s">
        <v>64</v>
      </c>
      <c r="H33" s="17"/>
      <c r="I33" s="13">
        <v>1180</v>
      </c>
      <c r="J33" s="19">
        <v>541</v>
      </c>
      <c r="K33" s="19">
        <v>639</v>
      </c>
    </row>
    <row r="34" spans="1:11" ht="15" customHeight="1">
      <c r="A34" s="17" t="s">
        <v>65</v>
      </c>
      <c r="B34" s="17"/>
      <c r="C34" s="13">
        <v>1389</v>
      </c>
      <c r="D34" s="19">
        <v>743</v>
      </c>
      <c r="E34" s="19">
        <v>646</v>
      </c>
      <c r="F34" s="19"/>
      <c r="G34" s="18" t="s">
        <v>66</v>
      </c>
      <c r="H34" s="17"/>
      <c r="I34" s="13">
        <v>724</v>
      </c>
      <c r="J34" s="19">
        <v>348</v>
      </c>
      <c r="K34" s="19">
        <v>376</v>
      </c>
    </row>
    <row r="35" spans="1:11" ht="20.100000000000001" customHeight="1">
      <c r="A35" s="17" t="s">
        <v>67</v>
      </c>
      <c r="B35" s="17"/>
      <c r="C35" s="13">
        <v>7619</v>
      </c>
      <c r="D35" s="14">
        <v>3973</v>
      </c>
      <c r="E35" s="14">
        <v>3646</v>
      </c>
      <c r="F35" s="14"/>
      <c r="G35" s="18" t="s">
        <v>68</v>
      </c>
      <c r="H35" s="17"/>
      <c r="I35" s="13">
        <v>3710</v>
      </c>
      <c r="J35" s="14">
        <v>1637</v>
      </c>
      <c r="K35" s="14">
        <v>2073</v>
      </c>
    </row>
    <row r="36" spans="1:11" ht="15" customHeight="1">
      <c r="A36" s="17" t="s">
        <v>69</v>
      </c>
      <c r="B36" s="17"/>
      <c r="C36" s="13">
        <v>1503</v>
      </c>
      <c r="D36" s="19">
        <v>768</v>
      </c>
      <c r="E36" s="19">
        <v>735</v>
      </c>
      <c r="F36" s="19"/>
      <c r="G36" s="18" t="s">
        <v>70</v>
      </c>
      <c r="H36" s="17"/>
      <c r="I36" s="13">
        <v>638</v>
      </c>
      <c r="J36" s="19">
        <v>289</v>
      </c>
      <c r="K36" s="19">
        <v>349</v>
      </c>
    </row>
    <row r="37" spans="1:11" ht="15" customHeight="1">
      <c r="A37" s="17" t="s">
        <v>71</v>
      </c>
      <c r="B37" s="17"/>
      <c r="C37" s="13">
        <v>1591</v>
      </c>
      <c r="D37" s="19">
        <v>852</v>
      </c>
      <c r="E37" s="19">
        <v>739</v>
      </c>
      <c r="F37" s="19"/>
      <c r="G37" s="18" t="s">
        <v>72</v>
      </c>
      <c r="H37" s="17"/>
      <c r="I37" s="13">
        <v>842</v>
      </c>
      <c r="J37" s="19">
        <v>356</v>
      </c>
      <c r="K37" s="19">
        <v>486</v>
      </c>
    </row>
    <row r="38" spans="1:11" ht="15" customHeight="1">
      <c r="A38" s="17" t="s">
        <v>73</v>
      </c>
      <c r="B38" s="17"/>
      <c r="C38" s="13">
        <v>1494</v>
      </c>
      <c r="D38" s="19">
        <v>790</v>
      </c>
      <c r="E38" s="19">
        <v>704</v>
      </c>
      <c r="F38" s="19"/>
      <c r="G38" s="18" t="s">
        <v>74</v>
      </c>
      <c r="H38" s="17"/>
      <c r="I38" s="13">
        <v>772</v>
      </c>
      <c r="J38" s="19">
        <v>357</v>
      </c>
      <c r="K38" s="19">
        <v>415</v>
      </c>
    </row>
    <row r="39" spans="1:11" ht="15" customHeight="1">
      <c r="A39" s="17" t="s">
        <v>75</v>
      </c>
      <c r="B39" s="17"/>
      <c r="C39" s="13">
        <v>1521</v>
      </c>
      <c r="D39" s="19">
        <v>806</v>
      </c>
      <c r="E39" s="19">
        <v>715</v>
      </c>
      <c r="F39" s="19"/>
      <c r="G39" s="18" t="s">
        <v>76</v>
      </c>
      <c r="H39" s="17"/>
      <c r="I39" s="13">
        <v>736</v>
      </c>
      <c r="J39" s="19">
        <v>329</v>
      </c>
      <c r="K39" s="19">
        <v>407</v>
      </c>
    </row>
    <row r="40" spans="1:11" ht="15" customHeight="1">
      <c r="A40" s="17" t="s">
        <v>77</v>
      </c>
      <c r="B40" s="17"/>
      <c r="C40" s="13">
        <v>1510</v>
      </c>
      <c r="D40" s="19">
        <v>757</v>
      </c>
      <c r="E40" s="19">
        <v>753</v>
      </c>
      <c r="F40" s="19"/>
      <c r="G40" s="18" t="s">
        <v>78</v>
      </c>
      <c r="H40" s="17"/>
      <c r="I40" s="13">
        <v>722</v>
      </c>
      <c r="J40" s="19">
        <v>306</v>
      </c>
      <c r="K40" s="19">
        <v>416</v>
      </c>
    </row>
    <row r="41" spans="1:11" ht="20.100000000000001" customHeight="1">
      <c r="A41" s="17" t="s">
        <v>79</v>
      </c>
      <c r="B41" s="17"/>
      <c r="C41" s="13">
        <v>7709</v>
      </c>
      <c r="D41" s="14">
        <v>4003</v>
      </c>
      <c r="E41" s="14">
        <v>3706</v>
      </c>
      <c r="F41" s="14"/>
      <c r="G41" s="18" t="s">
        <v>80</v>
      </c>
      <c r="H41" s="17"/>
      <c r="I41" s="13">
        <v>2848</v>
      </c>
      <c r="J41" s="14">
        <v>1123</v>
      </c>
      <c r="K41" s="14">
        <v>1725</v>
      </c>
    </row>
    <row r="42" spans="1:11" ht="15" customHeight="1">
      <c r="A42" s="17" t="s">
        <v>81</v>
      </c>
      <c r="B42" s="17"/>
      <c r="C42" s="13">
        <v>1533</v>
      </c>
      <c r="D42" s="19">
        <v>793</v>
      </c>
      <c r="E42" s="19">
        <v>740</v>
      </c>
      <c r="F42" s="19"/>
      <c r="G42" s="18" t="s">
        <v>82</v>
      </c>
      <c r="H42" s="17"/>
      <c r="I42" s="13">
        <v>694</v>
      </c>
      <c r="J42" s="19">
        <v>271</v>
      </c>
      <c r="K42" s="19">
        <v>423</v>
      </c>
    </row>
    <row r="43" spans="1:11" ht="15" customHeight="1">
      <c r="A43" s="17" t="s">
        <v>83</v>
      </c>
      <c r="B43" s="17"/>
      <c r="C43" s="13">
        <v>1448</v>
      </c>
      <c r="D43" s="19">
        <v>710</v>
      </c>
      <c r="E43" s="19">
        <v>738</v>
      </c>
      <c r="F43" s="19"/>
      <c r="G43" s="18" t="s">
        <v>84</v>
      </c>
      <c r="H43" s="17"/>
      <c r="I43" s="13">
        <v>552</v>
      </c>
      <c r="J43" s="19">
        <v>234</v>
      </c>
      <c r="K43" s="19">
        <v>318</v>
      </c>
    </row>
    <row r="44" spans="1:11" ht="15" customHeight="1">
      <c r="A44" s="17" t="s">
        <v>85</v>
      </c>
      <c r="B44" s="17"/>
      <c r="C44" s="13">
        <v>1582</v>
      </c>
      <c r="D44" s="19">
        <v>830</v>
      </c>
      <c r="E44" s="19">
        <v>752</v>
      </c>
      <c r="F44" s="19"/>
      <c r="G44" s="18" t="s">
        <v>86</v>
      </c>
      <c r="H44" s="17"/>
      <c r="I44" s="13">
        <v>521</v>
      </c>
      <c r="J44" s="19">
        <v>202</v>
      </c>
      <c r="K44" s="19">
        <v>319</v>
      </c>
    </row>
    <row r="45" spans="1:11" ht="15" customHeight="1">
      <c r="A45" s="17" t="s">
        <v>87</v>
      </c>
      <c r="B45" s="17"/>
      <c r="C45" s="13">
        <v>1541</v>
      </c>
      <c r="D45" s="19">
        <v>829</v>
      </c>
      <c r="E45" s="19">
        <v>712</v>
      </c>
      <c r="F45" s="19"/>
      <c r="G45" s="18" t="s">
        <v>88</v>
      </c>
      <c r="H45" s="17"/>
      <c r="I45" s="13">
        <v>571</v>
      </c>
      <c r="J45" s="19">
        <v>221</v>
      </c>
      <c r="K45" s="19">
        <v>350</v>
      </c>
    </row>
    <row r="46" spans="1:11" ht="15" customHeight="1">
      <c r="A46" s="17" t="s">
        <v>89</v>
      </c>
      <c r="B46" s="17"/>
      <c r="C46" s="13">
        <v>1605</v>
      </c>
      <c r="D46" s="19">
        <v>841</v>
      </c>
      <c r="E46" s="19">
        <v>764</v>
      </c>
      <c r="F46" s="19"/>
      <c r="G46" s="18" t="s">
        <v>90</v>
      </c>
      <c r="H46" s="17"/>
      <c r="I46" s="13">
        <v>510</v>
      </c>
      <c r="J46" s="19">
        <v>195</v>
      </c>
      <c r="K46" s="19">
        <v>315</v>
      </c>
    </row>
    <row r="47" spans="1:11" ht="20.100000000000001" customHeight="1">
      <c r="A47" s="17" t="s">
        <v>91</v>
      </c>
      <c r="B47" s="17"/>
      <c r="C47" s="13">
        <v>8193</v>
      </c>
      <c r="D47" s="14">
        <v>4280</v>
      </c>
      <c r="E47" s="14">
        <v>3913</v>
      </c>
      <c r="F47" s="14"/>
      <c r="G47" s="18" t="s">
        <v>92</v>
      </c>
      <c r="H47" s="17"/>
      <c r="I47" s="13">
        <v>2152</v>
      </c>
      <c r="J47" s="14">
        <v>740</v>
      </c>
      <c r="K47" s="14">
        <v>1412</v>
      </c>
    </row>
    <row r="48" spans="1:11" ht="15" customHeight="1">
      <c r="A48" s="17" t="s">
        <v>93</v>
      </c>
      <c r="B48" s="17"/>
      <c r="C48" s="13">
        <v>1616</v>
      </c>
      <c r="D48" s="19">
        <v>838</v>
      </c>
      <c r="E48" s="19">
        <v>778</v>
      </c>
      <c r="F48" s="19"/>
      <c r="G48" s="18" t="s">
        <v>94</v>
      </c>
      <c r="H48" s="17"/>
      <c r="I48" s="13">
        <v>524</v>
      </c>
      <c r="J48" s="19">
        <v>190</v>
      </c>
      <c r="K48" s="19">
        <v>334</v>
      </c>
    </row>
    <row r="49" spans="1:11" ht="15" customHeight="1">
      <c r="A49" s="17" t="s">
        <v>95</v>
      </c>
      <c r="B49" s="17"/>
      <c r="C49" s="13">
        <v>1650</v>
      </c>
      <c r="D49" s="19">
        <v>917</v>
      </c>
      <c r="E49" s="19">
        <v>733</v>
      </c>
      <c r="F49" s="19"/>
      <c r="G49" s="18" t="s">
        <v>96</v>
      </c>
      <c r="H49" s="17"/>
      <c r="I49" s="13">
        <v>485</v>
      </c>
      <c r="J49" s="19">
        <v>164</v>
      </c>
      <c r="K49" s="19">
        <v>321</v>
      </c>
    </row>
    <row r="50" spans="1:11" ht="15" customHeight="1">
      <c r="A50" s="17" t="s">
        <v>97</v>
      </c>
      <c r="B50" s="17"/>
      <c r="C50" s="13">
        <v>1640</v>
      </c>
      <c r="D50" s="19">
        <v>856</v>
      </c>
      <c r="E50" s="19">
        <v>784</v>
      </c>
      <c r="F50" s="19"/>
      <c r="G50" s="18" t="s">
        <v>98</v>
      </c>
      <c r="H50" s="17"/>
      <c r="I50" s="13">
        <v>417</v>
      </c>
      <c r="J50" s="19">
        <v>141</v>
      </c>
      <c r="K50" s="19">
        <v>276</v>
      </c>
    </row>
    <row r="51" spans="1:11" ht="15" customHeight="1">
      <c r="A51" s="17" t="s">
        <v>99</v>
      </c>
      <c r="B51" s="17"/>
      <c r="C51" s="13">
        <v>1633</v>
      </c>
      <c r="D51" s="19">
        <v>809</v>
      </c>
      <c r="E51" s="19">
        <v>824</v>
      </c>
      <c r="F51" s="19"/>
      <c r="G51" s="18" t="s">
        <v>100</v>
      </c>
      <c r="H51" s="17"/>
      <c r="I51" s="13">
        <v>385</v>
      </c>
      <c r="J51" s="19">
        <v>140</v>
      </c>
      <c r="K51" s="19">
        <v>245</v>
      </c>
    </row>
    <row r="52" spans="1:11" ht="15" customHeight="1">
      <c r="A52" s="17" t="s">
        <v>101</v>
      </c>
      <c r="B52" s="17"/>
      <c r="C52" s="13">
        <v>1654</v>
      </c>
      <c r="D52" s="19">
        <v>860</v>
      </c>
      <c r="E52" s="19">
        <v>794</v>
      </c>
      <c r="F52" s="19"/>
      <c r="G52" s="18" t="s">
        <v>102</v>
      </c>
      <c r="H52" s="17"/>
      <c r="I52" s="13">
        <v>341</v>
      </c>
      <c r="J52" s="19">
        <v>105</v>
      </c>
      <c r="K52" s="19">
        <v>236</v>
      </c>
    </row>
    <row r="53" spans="1:11" ht="20.100000000000001" customHeight="1">
      <c r="A53" s="17" t="s">
        <v>103</v>
      </c>
      <c r="B53" s="17"/>
      <c r="C53" s="13">
        <v>8428</v>
      </c>
      <c r="D53" s="14">
        <v>4350</v>
      </c>
      <c r="E53" s="14">
        <v>4078</v>
      </c>
      <c r="F53" s="14"/>
      <c r="G53" s="18" t="s">
        <v>104</v>
      </c>
      <c r="H53" s="17"/>
      <c r="I53" s="13">
        <v>980</v>
      </c>
      <c r="J53" s="14">
        <v>288</v>
      </c>
      <c r="K53" s="14">
        <v>692</v>
      </c>
    </row>
    <row r="54" spans="1:11" ht="15" customHeight="1">
      <c r="A54" s="17" t="s">
        <v>105</v>
      </c>
      <c r="B54" s="17"/>
      <c r="C54" s="13">
        <v>1648</v>
      </c>
      <c r="D54" s="19">
        <v>852</v>
      </c>
      <c r="E54" s="19">
        <v>796</v>
      </c>
      <c r="F54" s="19"/>
      <c r="G54" s="18" t="s">
        <v>106</v>
      </c>
      <c r="H54" s="17"/>
      <c r="I54" s="13">
        <v>289</v>
      </c>
      <c r="J54" s="19">
        <v>85</v>
      </c>
      <c r="K54" s="19">
        <v>204</v>
      </c>
    </row>
    <row r="55" spans="1:11" ht="15" customHeight="1">
      <c r="A55" s="17" t="s">
        <v>107</v>
      </c>
      <c r="B55" s="17"/>
      <c r="C55" s="13">
        <v>1618</v>
      </c>
      <c r="D55" s="19">
        <v>847</v>
      </c>
      <c r="E55" s="19">
        <v>771</v>
      </c>
      <c r="F55" s="19"/>
      <c r="G55" s="18" t="s">
        <v>108</v>
      </c>
      <c r="H55" s="17"/>
      <c r="I55" s="13">
        <v>246</v>
      </c>
      <c r="J55" s="19">
        <v>90</v>
      </c>
      <c r="K55" s="19">
        <v>156</v>
      </c>
    </row>
    <row r="56" spans="1:11" ht="15" customHeight="1">
      <c r="A56" s="17" t="s">
        <v>109</v>
      </c>
      <c r="B56" s="17"/>
      <c r="C56" s="13">
        <v>1693</v>
      </c>
      <c r="D56" s="19">
        <v>872</v>
      </c>
      <c r="E56" s="19">
        <v>821</v>
      </c>
      <c r="F56" s="19"/>
      <c r="G56" s="18" t="s">
        <v>110</v>
      </c>
      <c r="H56" s="17"/>
      <c r="I56" s="13">
        <v>168</v>
      </c>
      <c r="J56" s="19">
        <v>49</v>
      </c>
      <c r="K56" s="19">
        <v>119</v>
      </c>
    </row>
    <row r="57" spans="1:11" ht="15" customHeight="1">
      <c r="A57" s="17" t="s">
        <v>111</v>
      </c>
      <c r="B57" s="17"/>
      <c r="C57" s="13">
        <v>1680</v>
      </c>
      <c r="D57" s="19">
        <v>851</v>
      </c>
      <c r="E57" s="19">
        <v>829</v>
      </c>
      <c r="F57" s="19"/>
      <c r="G57" s="18" t="s">
        <v>112</v>
      </c>
      <c r="H57" s="17"/>
      <c r="I57" s="13">
        <v>154</v>
      </c>
      <c r="J57" s="19">
        <v>39</v>
      </c>
      <c r="K57" s="19">
        <v>115</v>
      </c>
    </row>
    <row r="58" spans="1:11" ht="15" customHeight="1">
      <c r="A58" s="17" t="s">
        <v>113</v>
      </c>
      <c r="B58" s="17"/>
      <c r="C58" s="13">
        <v>1789</v>
      </c>
      <c r="D58" s="19">
        <v>928</v>
      </c>
      <c r="E58" s="19">
        <v>861</v>
      </c>
      <c r="F58" s="19"/>
      <c r="G58" s="18" t="s">
        <v>114</v>
      </c>
      <c r="H58" s="17"/>
      <c r="I58" s="13">
        <v>123</v>
      </c>
      <c r="J58" s="19">
        <v>25</v>
      </c>
      <c r="K58" s="19">
        <v>98</v>
      </c>
    </row>
    <row r="59" spans="1:11" ht="20.100000000000001" customHeight="1">
      <c r="A59" s="17" t="s">
        <v>115</v>
      </c>
      <c r="B59" s="17"/>
      <c r="C59" s="13">
        <v>9587</v>
      </c>
      <c r="D59" s="14">
        <v>4856</v>
      </c>
      <c r="E59" s="14">
        <v>4731</v>
      </c>
      <c r="F59" s="14"/>
      <c r="G59" s="18" t="s">
        <v>116</v>
      </c>
      <c r="H59" s="17"/>
      <c r="I59" s="13">
        <v>259</v>
      </c>
      <c r="J59" s="14">
        <v>53</v>
      </c>
      <c r="K59" s="14">
        <v>206</v>
      </c>
    </row>
    <row r="60" spans="1:11" ht="15" customHeight="1">
      <c r="A60" s="17" t="s">
        <v>117</v>
      </c>
      <c r="B60" s="17"/>
      <c r="C60" s="13">
        <v>1865</v>
      </c>
      <c r="D60" s="19">
        <v>955</v>
      </c>
      <c r="E60" s="19">
        <v>910</v>
      </c>
      <c r="F60" s="19"/>
      <c r="G60" s="18" t="s">
        <v>118</v>
      </c>
      <c r="H60" s="17"/>
      <c r="I60" s="13">
        <v>111</v>
      </c>
      <c r="J60" s="19">
        <v>28</v>
      </c>
      <c r="K60" s="19">
        <v>83</v>
      </c>
    </row>
    <row r="61" spans="1:11" ht="15" customHeight="1">
      <c r="A61" s="17" t="s">
        <v>119</v>
      </c>
      <c r="B61" s="17"/>
      <c r="C61" s="13">
        <v>1984</v>
      </c>
      <c r="D61" s="19">
        <v>1002</v>
      </c>
      <c r="E61" s="19">
        <v>982</v>
      </c>
      <c r="F61" s="19"/>
      <c r="G61" s="18" t="s">
        <v>120</v>
      </c>
      <c r="H61" s="17"/>
      <c r="I61" s="13">
        <v>66</v>
      </c>
      <c r="J61" s="19">
        <v>12</v>
      </c>
      <c r="K61" s="19">
        <v>54</v>
      </c>
    </row>
    <row r="62" spans="1:11" ht="15" customHeight="1">
      <c r="A62" s="17" t="s">
        <v>121</v>
      </c>
      <c r="B62" s="17"/>
      <c r="C62" s="13">
        <v>1896</v>
      </c>
      <c r="D62" s="19">
        <v>967</v>
      </c>
      <c r="E62" s="19">
        <v>929</v>
      </c>
      <c r="F62" s="19"/>
      <c r="G62" s="18" t="s">
        <v>122</v>
      </c>
      <c r="H62" s="17"/>
      <c r="I62" s="13">
        <v>36</v>
      </c>
      <c r="J62" s="19">
        <v>9</v>
      </c>
      <c r="K62" s="19">
        <v>27</v>
      </c>
    </row>
    <row r="63" spans="1:11" ht="15" customHeight="1">
      <c r="A63" s="17" t="s">
        <v>123</v>
      </c>
      <c r="B63" s="17"/>
      <c r="C63" s="13">
        <v>1932</v>
      </c>
      <c r="D63" s="19">
        <v>963</v>
      </c>
      <c r="E63" s="19">
        <v>969</v>
      </c>
      <c r="F63" s="19"/>
      <c r="G63" s="18" t="s">
        <v>124</v>
      </c>
      <c r="H63" s="17"/>
      <c r="I63" s="13">
        <v>25</v>
      </c>
      <c r="J63" s="19">
        <v>4</v>
      </c>
      <c r="K63" s="19">
        <v>21</v>
      </c>
    </row>
    <row r="64" spans="1:11" ht="15" customHeight="1">
      <c r="A64" s="17" t="s">
        <v>125</v>
      </c>
      <c r="B64" s="17"/>
      <c r="C64" s="13">
        <v>1910</v>
      </c>
      <c r="D64" s="19">
        <v>969</v>
      </c>
      <c r="E64" s="19">
        <v>941</v>
      </c>
      <c r="F64" s="19"/>
      <c r="G64" s="18" t="s">
        <v>126</v>
      </c>
      <c r="H64" s="17"/>
      <c r="I64" s="13">
        <v>21</v>
      </c>
      <c r="J64" s="19">
        <v>0</v>
      </c>
      <c r="K64" s="19">
        <v>2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9</v>
      </c>
      <c r="J65" s="19">
        <v>1</v>
      </c>
      <c r="K65" s="19">
        <v>2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734</v>
      </c>
      <c r="J66" s="29">
        <v>1860</v>
      </c>
      <c r="K66" s="29">
        <v>87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9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2470</v>
      </c>
      <c r="D4" s="14">
        <v>117594</v>
      </c>
      <c r="E4" s="14">
        <v>12487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970</v>
      </c>
      <c r="D5" s="14">
        <v>4580</v>
      </c>
      <c r="E5" s="14">
        <v>4390</v>
      </c>
      <c r="F5" s="14"/>
      <c r="G5" s="18" t="s">
        <v>8</v>
      </c>
      <c r="H5" s="17"/>
      <c r="I5" s="13">
        <v>19103</v>
      </c>
      <c r="J5" s="14">
        <v>9726</v>
      </c>
      <c r="K5" s="14">
        <v>9377</v>
      </c>
    </row>
    <row r="6" spans="1:11" ht="15" customHeight="1">
      <c r="A6" s="17" t="s">
        <v>9</v>
      </c>
      <c r="B6" s="17"/>
      <c r="C6" s="13">
        <v>1546</v>
      </c>
      <c r="D6" s="19">
        <v>772</v>
      </c>
      <c r="E6" s="19">
        <v>774</v>
      </c>
      <c r="F6" s="19"/>
      <c r="G6" s="18" t="s">
        <v>10</v>
      </c>
      <c r="H6" s="17"/>
      <c r="I6" s="13">
        <v>4133</v>
      </c>
      <c r="J6" s="19">
        <v>2101</v>
      </c>
      <c r="K6" s="19">
        <v>2032</v>
      </c>
    </row>
    <row r="7" spans="1:11" ht="15" customHeight="1">
      <c r="A7" s="17" t="s">
        <v>11</v>
      </c>
      <c r="B7" s="17"/>
      <c r="C7" s="13">
        <v>1650</v>
      </c>
      <c r="D7" s="19">
        <v>868</v>
      </c>
      <c r="E7" s="19">
        <v>782</v>
      </c>
      <c r="F7" s="19"/>
      <c r="G7" s="18" t="s">
        <v>12</v>
      </c>
      <c r="H7" s="17"/>
      <c r="I7" s="13">
        <v>4161</v>
      </c>
      <c r="J7" s="19">
        <v>2082</v>
      </c>
      <c r="K7" s="19">
        <v>2079</v>
      </c>
    </row>
    <row r="8" spans="1:11" ht="15" customHeight="1">
      <c r="A8" s="17" t="s">
        <v>13</v>
      </c>
      <c r="B8" s="17"/>
      <c r="C8" s="13">
        <v>1850</v>
      </c>
      <c r="D8" s="19">
        <v>952</v>
      </c>
      <c r="E8" s="19">
        <v>898</v>
      </c>
      <c r="F8" s="19"/>
      <c r="G8" s="18" t="s">
        <v>14</v>
      </c>
      <c r="H8" s="17"/>
      <c r="I8" s="13">
        <v>3977</v>
      </c>
      <c r="J8" s="19">
        <v>2048</v>
      </c>
      <c r="K8" s="19">
        <v>1929</v>
      </c>
    </row>
    <row r="9" spans="1:11" ht="15" customHeight="1">
      <c r="A9" s="17" t="s">
        <v>15</v>
      </c>
      <c r="B9" s="17"/>
      <c r="C9" s="13">
        <v>1902</v>
      </c>
      <c r="D9" s="19">
        <v>965</v>
      </c>
      <c r="E9" s="19">
        <v>937</v>
      </c>
      <c r="F9" s="19"/>
      <c r="G9" s="18" t="s">
        <v>16</v>
      </c>
      <c r="H9" s="17"/>
      <c r="I9" s="13">
        <v>4003</v>
      </c>
      <c r="J9" s="19">
        <v>2066</v>
      </c>
      <c r="K9" s="19">
        <v>1937</v>
      </c>
    </row>
    <row r="10" spans="1:11" ht="15" customHeight="1">
      <c r="A10" s="17" t="s">
        <v>17</v>
      </c>
      <c r="B10" s="17"/>
      <c r="C10" s="13">
        <v>2022</v>
      </c>
      <c r="D10" s="19">
        <v>1023</v>
      </c>
      <c r="E10" s="19">
        <v>999</v>
      </c>
      <c r="F10" s="19"/>
      <c r="G10" s="18" t="s">
        <v>18</v>
      </c>
      <c r="H10" s="17"/>
      <c r="I10" s="13">
        <v>2829</v>
      </c>
      <c r="J10" s="19">
        <v>1429</v>
      </c>
      <c r="K10" s="19">
        <v>1400</v>
      </c>
    </row>
    <row r="11" spans="1:11" ht="20.100000000000001" customHeight="1">
      <c r="A11" s="17" t="s">
        <v>19</v>
      </c>
      <c r="B11" s="17"/>
      <c r="C11" s="13">
        <v>10743</v>
      </c>
      <c r="D11" s="14">
        <v>5511</v>
      </c>
      <c r="E11" s="14">
        <v>5232</v>
      </c>
      <c r="F11" s="14"/>
      <c r="G11" s="18" t="s">
        <v>20</v>
      </c>
      <c r="H11" s="17"/>
      <c r="I11" s="13">
        <v>16205</v>
      </c>
      <c r="J11" s="14">
        <v>8282</v>
      </c>
      <c r="K11" s="14">
        <v>7923</v>
      </c>
    </row>
    <row r="12" spans="1:11" ht="15" customHeight="1">
      <c r="A12" s="17" t="s">
        <v>21</v>
      </c>
      <c r="B12" s="17"/>
      <c r="C12" s="13">
        <v>2038</v>
      </c>
      <c r="D12" s="19">
        <v>1021</v>
      </c>
      <c r="E12" s="19">
        <v>1017</v>
      </c>
      <c r="F12" s="19"/>
      <c r="G12" s="18" t="s">
        <v>22</v>
      </c>
      <c r="H12" s="17"/>
      <c r="I12" s="13">
        <v>3755</v>
      </c>
      <c r="J12" s="19">
        <v>1901</v>
      </c>
      <c r="K12" s="19">
        <v>1854</v>
      </c>
    </row>
    <row r="13" spans="1:11" ht="15" customHeight="1">
      <c r="A13" s="17" t="s">
        <v>23</v>
      </c>
      <c r="B13" s="17"/>
      <c r="C13" s="13">
        <v>2077</v>
      </c>
      <c r="D13" s="19">
        <v>1076</v>
      </c>
      <c r="E13" s="19">
        <v>1001</v>
      </c>
      <c r="F13" s="19"/>
      <c r="G13" s="18" t="s">
        <v>24</v>
      </c>
      <c r="H13" s="17"/>
      <c r="I13" s="13">
        <v>3450</v>
      </c>
      <c r="J13" s="19">
        <v>1785</v>
      </c>
      <c r="K13" s="19">
        <v>1665</v>
      </c>
    </row>
    <row r="14" spans="1:11" ht="15" customHeight="1">
      <c r="A14" s="17" t="s">
        <v>25</v>
      </c>
      <c r="B14" s="17"/>
      <c r="C14" s="13">
        <v>2230</v>
      </c>
      <c r="D14" s="19">
        <v>1169</v>
      </c>
      <c r="E14" s="19">
        <v>1061</v>
      </c>
      <c r="F14" s="19"/>
      <c r="G14" s="18" t="s">
        <v>26</v>
      </c>
      <c r="H14" s="17"/>
      <c r="I14" s="13">
        <v>3164</v>
      </c>
      <c r="J14" s="19">
        <v>1634</v>
      </c>
      <c r="K14" s="19">
        <v>1530</v>
      </c>
    </row>
    <row r="15" spans="1:11" ht="15" customHeight="1">
      <c r="A15" s="17" t="s">
        <v>27</v>
      </c>
      <c r="B15" s="17"/>
      <c r="C15" s="13">
        <v>2135</v>
      </c>
      <c r="D15" s="19">
        <v>1089</v>
      </c>
      <c r="E15" s="19">
        <v>1046</v>
      </c>
      <c r="F15" s="19"/>
      <c r="G15" s="18" t="s">
        <v>28</v>
      </c>
      <c r="H15" s="17"/>
      <c r="I15" s="13">
        <v>2905</v>
      </c>
      <c r="J15" s="19">
        <v>1486</v>
      </c>
      <c r="K15" s="19">
        <v>1419</v>
      </c>
    </row>
    <row r="16" spans="1:11" ht="15" customHeight="1">
      <c r="A16" s="17" t="s">
        <v>29</v>
      </c>
      <c r="B16" s="17"/>
      <c r="C16" s="13">
        <v>2263</v>
      </c>
      <c r="D16" s="19">
        <v>1156</v>
      </c>
      <c r="E16" s="19">
        <v>1107</v>
      </c>
      <c r="F16" s="19"/>
      <c r="G16" s="18" t="s">
        <v>30</v>
      </c>
      <c r="H16" s="17"/>
      <c r="I16" s="13">
        <v>2931</v>
      </c>
      <c r="J16" s="19">
        <v>1476</v>
      </c>
      <c r="K16" s="19">
        <v>1455</v>
      </c>
    </row>
    <row r="17" spans="1:11" ht="20.100000000000001" customHeight="1">
      <c r="A17" s="20" t="s">
        <v>31</v>
      </c>
      <c r="B17" s="20"/>
      <c r="C17" s="13">
        <v>11247</v>
      </c>
      <c r="D17" s="14">
        <v>5713</v>
      </c>
      <c r="E17" s="14">
        <v>5534</v>
      </c>
      <c r="F17" s="14"/>
      <c r="G17" s="18" t="s">
        <v>32</v>
      </c>
      <c r="H17" s="17"/>
      <c r="I17" s="13">
        <v>13110</v>
      </c>
      <c r="J17" s="14">
        <v>6527</v>
      </c>
      <c r="K17" s="14">
        <v>6583</v>
      </c>
    </row>
    <row r="18" spans="1:11" ht="15" customHeight="1">
      <c r="A18" s="17" t="s">
        <v>33</v>
      </c>
      <c r="B18" s="17"/>
      <c r="C18" s="13">
        <v>2224</v>
      </c>
      <c r="D18" s="19">
        <v>1122</v>
      </c>
      <c r="E18" s="19">
        <v>1102</v>
      </c>
      <c r="F18" s="19"/>
      <c r="G18" s="18" t="s">
        <v>34</v>
      </c>
      <c r="H18" s="17"/>
      <c r="I18" s="13">
        <v>2751</v>
      </c>
      <c r="J18" s="19">
        <v>1391</v>
      </c>
      <c r="K18" s="19">
        <v>1360</v>
      </c>
    </row>
    <row r="19" spans="1:11" ht="15" customHeight="1">
      <c r="A19" s="17" t="s">
        <v>35</v>
      </c>
      <c r="B19" s="17"/>
      <c r="C19" s="13">
        <v>2198</v>
      </c>
      <c r="D19" s="19">
        <v>1084</v>
      </c>
      <c r="E19" s="19">
        <v>1114</v>
      </c>
      <c r="F19" s="19"/>
      <c r="G19" s="18" t="s">
        <v>36</v>
      </c>
      <c r="H19" s="17"/>
      <c r="I19" s="13">
        <v>2662</v>
      </c>
      <c r="J19" s="19">
        <v>1321</v>
      </c>
      <c r="K19" s="19">
        <v>1341</v>
      </c>
    </row>
    <row r="20" spans="1:11" ht="15" customHeight="1">
      <c r="A20" s="17" t="s">
        <v>37</v>
      </c>
      <c r="B20" s="17"/>
      <c r="C20" s="13">
        <v>2283</v>
      </c>
      <c r="D20" s="19">
        <v>1182</v>
      </c>
      <c r="E20" s="19">
        <v>1101</v>
      </c>
      <c r="F20" s="19"/>
      <c r="G20" s="18" t="s">
        <v>38</v>
      </c>
      <c r="H20" s="17"/>
      <c r="I20" s="13">
        <v>2711</v>
      </c>
      <c r="J20" s="19">
        <v>1358</v>
      </c>
      <c r="K20" s="19">
        <v>1353</v>
      </c>
    </row>
    <row r="21" spans="1:11" ht="15" customHeight="1">
      <c r="A21" s="17" t="s">
        <v>39</v>
      </c>
      <c r="B21" s="17"/>
      <c r="C21" s="13">
        <v>2352</v>
      </c>
      <c r="D21" s="19">
        <v>1179</v>
      </c>
      <c r="E21" s="19">
        <v>1173</v>
      </c>
      <c r="F21" s="19"/>
      <c r="G21" s="18" t="s">
        <v>40</v>
      </c>
      <c r="H21" s="17"/>
      <c r="I21" s="13">
        <v>2448</v>
      </c>
      <c r="J21" s="19">
        <v>1235</v>
      </c>
      <c r="K21" s="19">
        <v>1213</v>
      </c>
    </row>
    <row r="22" spans="1:11" ht="15" customHeight="1">
      <c r="A22" s="17" t="s">
        <v>41</v>
      </c>
      <c r="B22" s="17"/>
      <c r="C22" s="13">
        <v>2190</v>
      </c>
      <c r="D22" s="19">
        <v>1146</v>
      </c>
      <c r="E22" s="19">
        <v>1044</v>
      </c>
      <c r="F22" s="19"/>
      <c r="G22" s="18" t="s">
        <v>42</v>
      </c>
      <c r="H22" s="17"/>
      <c r="I22" s="13">
        <v>2538</v>
      </c>
      <c r="J22" s="19">
        <v>1222</v>
      </c>
      <c r="K22" s="19">
        <v>1316</v>
      </c>
    </row>
    <row r="23" spans="1:11" ht="20.100000000000001" customHeight="1">
      <c r="A23" s="17" t="s">
        <v>43</v>
      </c>
      <c r="B23" s="17"/>
      <c r="C23" s="13">
        <v>11361</v>
      </c>
      <c r="D23" s="14">
        <v>5645</v>
      </c>
      <c r="E23" s="14">
        <v>5716</v>
      </c>
      <c r="F23" s="14"/>
      <c r="G23" s="18" t="s">
        <v>44</v>
      </c>
      <c r="H23" s="17"/>
      <c r="I23" s="13">
        <v>13647</v>
      </c>
      <c r="J23" s="14">
        <v>6580</v>
      </c>
      <c r="K23" s="14">
        <v>7067</v>
      </c>
    </row>
    <row r="24" spans="1:11" ht="15" customHeight="1">
      <c r="A24" s="17" t="s">
        <v>45</v>
      </c>
      <c r="B24" s="17"/>
      <c r="C24" s="13">
        <v>2242</v>
      </c>
      <c r="D24" s="19">
        <v>1102</v>
      </c>
      <c r="E24" s="19">
        <v>1140</v>
      </c>
      <c r="F24" s="19"/>
      <c r="G24" s="18" t="s">
        <v>46</v>
      </c>
      <c r="H24" s="17"/>
      <c r="I24" s="13">
        <v>2519</v>
      </c>
      <c r="J24" s="19">
        <v>1221</v>
      </c>
      <c r="K24" s="19">
        <v>1298</v>
      </c>
    </row>
    <row r="25" spans="1:11" ht="15" customHeight="1">
      <c r="A25" s="17" t="s">
        <v>47</v>
      </c>
      <c r="B25" s="17"/>
      <c r="C25" s="13">
        <v>2203</v>
      </c>
      <c r="D25" s="19">
        <v>1079</v>
      </c>
      <c r="E25" s="19">
        <v>1124</v>
      </c>
      <c r="F25" s="19"/>
      <c r="G25" s="18" t="s">
        <v>48</v>
      </c>
      <c r="H25" s="17"/>
      <c r="I25" s="13">
        <v>2497</v>
      </c>
      <c r="J25" s="19">
        <v>1257</v>
      </c>
      <c r="K25" s="19">
        <v>1240</v>
      </c>
    </row>
    <row r="26" spans="1:11" ht="15" customHeight="1">
      <c r="A26" s="17" t="s">
        <v>49</v>
      </c>
      <c r="B26" s="17"/>
      <c r="C26" s="13">
        <v>2337</v>
      </c>
      <c r="D26" s="19">
        <v>1190</v>
      </c>
      <c r="E26" s="19">
        <v>1147</v>
      </c>
      <c r="F26" s="19"/>
      <c r="G26" s="18" t="s">
        <v>50</v>
      </c>
      <c r="H26" s="17"/>
      <c r="I26" s="13">
        <v>2714</v>
      </c>
      <c r="J26" s="19">
        <v>1324</v>
      </c>
      <c r="K26" s="19">
        <v>1390</v>
      </c>
    </row>
    <row r="27" spans="1:11" ht="15" customHeight="1">
      <c r="A27" s="17" t="s">
        <v>51</v>
      </c>
      <c r="B27" s="17"/>
      <c r="C27" s="13">
        <v>2260</v>
      </c>
      <c r="D27" s="19">
        <v>1145</v>
      </c>
      <c r="E27" s="19">
        <v>1115</v>
      </c>
      <c r="F27" s="19"/>
      <c r="G27" s="18" t="s">
        <v>52</v>
      </c>
      <c r="H27" s="17"/>
      <c r="I27" s="13">
        <v>2875</v>
      </c>
      <c r="J27" s="19">
        <v>1337</v>
      </c>
      <c r="K27" s="19">
        <v>1538</v>
      </c>
    </row>
    <row r="28" spans="1:11" ht="15" customHeight="1">
      <c r="A28" s="17" t="s">
        <v>53</v>
      </c>
      <c r="B28" s="17"/>
      <c r="C28" s="13">
        <v>2319</v>
      </c>
      <c r="D28" s="19">
        <v>1129</v>
      </c>
      <c r="E28" s="19">
        <v>1190</v>
      </c>
      <c r="F28" s="19"/>
      <c r="G28" s="18" t="s">
        <v>54</v>
      </c>
      <c r="H28" s="17"/>
      <c r="I28" s="13">
        <v>3042</v>
      </c>
      <c r="J28" s="19">
        <v>1441</v>
      </c>
      <c r="K28" s="19">
        <v>1601</v>
      </c>
    </row>
    <row r="29" spans="1:11" ht="20.100000000000001" customHeight="1">
      <c r="A29" s="17" t="s">
        <v>55</v>
      </c>
      <c r="B29" s="17"/>
      <c r="C29" s="13">
        <v>11197</v>
      </c>
      <c r="D29" s="14">
        <v>5600</v>
      </c>
      <c r="E29" s="14">
        <v>5597</v>
      </c>
      <c r="F29" s="14"/>
      <c r="G29" s="18" t="s">
        <v>56</v>
      </c>
      <c r="H29" s="17"/>
      <c r="I29" s="13">
        <v>16832</v>
      </c>
      <c r="J29" s="14">
        <v>7728</v>
      </c>
      <c r="K29" s="14">
        <v>9104</v>
      </c>
    </row>
    <row r="30" spans="1:11" ht="15" customHeight="1">
      <c r="A30" s="17" t="s">
        <v>57</v>
      </c>
      <c r="B30" s="17"/>
      <c r="C30" s="13">
        <v>2461</v>
      </c>
      <c r="D30" s="19">
        <v>1198</v>
      </c>
      <c r="E30" s="19">
        <v>1263</v>
      </c>
      <c r="F30" s="19"/>
      <c r="G30" s="18" t="s">
        <v>58</v>
      </c>
      <c r="H30" s="17"/>
      <c r="I30" s="13">
        <v>3218</v>
      </c>
      <c r="J30" s="19">
        <v>1529</v>
      </c>
      <c r="K30" s="19">
        <v>1689</v>
      </c>
    </row>
    <row r="31" spans="1:11" ht="15" customHeight="1">
      <c r="A31" s="17" t="s">
        <v>59</v>
      </c>
      <c r="B31" s="17"/>
      <c r="C31" s="13">
        <v>2392</v>
      </c>
      <c r="D31" s="19">
        <v>1189</v>
      </c>
      <c r="E31" s="19">
        <v>1203</v>
      </c>
      <c r="F31" s="19"/>
      <c r="G31" s="18" t="s">
        <v>60</v>
      </c>
      <c r="H31" s="17"/>
      <c r="I31" s="13">
        <v>3733</v>
      </c>
      <c r="J31" s="19">
        <v>1752</v>
      </c>
      <c r="K31" s="19">
        <v>1981</v>
      </c>
    </row>
    <row r="32" spans="1:11" ht="15" customHeight="1">
      <c r="A32" s="17" t="s">
        <v>61</v>
      </c>
      <c r="B32" s="17"/>
      <c r="C32" s="13">
        <v>2247</v>
      </c>
      <c r="D32" s="19">
        <v>1170</v>
      </c>
      <c r="E32" s="19">
        <v>1077</v>
      </c>
      <c r="F32" s="19"/>
      <c r="G32" s="18" t="s">
        <v>62</v>
      </c>
      <c r="H32" s="17"/>
      <c r="I32" s="13">
        <v>3633</v>
      </c>
      <c r="J32" s="19">
        <v>1606</v>
      </c>
      <c r="K32" s="19">
        <v>2027</v>
      </c>
    </row>
    <row r="33" spans="1:11" ht="15" customHeight="1">
      <c r="A33" s="17" t="s">
        <v>63</v>
      </c>
      <c r="B33" s="17"/>
      <c r="C33" s="13">
        <v>2159</v>
      </c>
      <c r="D33" s="19">
        <v>1045</v>
      </c>
      <c r="E33" s="19">
        <v>1114</v>
      </c>
      <c r="F33" s="19"/>
      <c r="G33" s="18" t="s">
        <v>64</v>
      </c>
      <c r="H33" s="17"/>
      <c r="I33" s="13">
        <v>3627</v>
      </c>
      <c r="J33" s="19">
        <v>1653</v>
      </c>
      <c r="K33" s="19">
        <v>1974</v>
      </c>
    </row>
    <row r="34" spans="1:11" ht="15" customHeight="1">
      <c r="A34" s="17" t="s">
        <v>65</v>
      </c>
      <c r="B34" s="17"/>
      <c r="C34" s="13">
        <v>1938</v>
      </c>
      <c r="D34" s="19">
        <v>998</v>
      </c>
      <c r="E34" s="19">
        <v>940</v>
      </c>
      <c r="F34" s="19"/>
      <c r="G34" s="18" t="s">
        <v>66</v>
      </c>
      <c r="H34" s="17"/>
      <c r="I34" s="13">
        <v>2621</v>
      </c>
      <c r="J34" s="19">
        <v>1188</v>
      </c>
      <c r="K34" s="19">
        <v>1433</v>
      </c>
    </row>
    <row r="35" spans="1:11" ht="20.100000000000001" customHeight="1">
      <c r="A35" s="17" t="s">
        <v>67</v>
      </c>
      <c r="B35" s="17"/>
      <c r="C35" s="13">
        <v>9790</v>
      </c>
      <c r="D35" s="14">
        <v>4828</v>
      </c>
      <c r="E35" s="14">
        <v>4962</v>
      </c>
      <c r="F35" s="14"/>
      <c r="G35" s="18" t="s">
        <v>68</v>
      </c>
      <c r="H35" s="17"/>
      <c r="I35" s="13">
        <v>13454</v>
      </c>
      <c r="J35" s="14">
        <v>6013</v>
      </c>
      <c r="K35" s="14">
        <v>7441</v>
      </c>
    </row>
    <row r="36" spans="1:11" ht="15" customHeight="1">
      <c r="A36" s="17" t="s">
        <v>69</v>
      </c>
      <c r="B36" s="17"/>
      <c r="C36" s="13">
        <v>1988</v>
      </c>
      <c r="D36" s="19">
        <v>993</v>
      </c>
      <c r="E36" s="19">
        <v>995</v>
      </c>
      <c r="F36" s="19"/>
      <c r="G36" s="18" t="s">
        <v>70</v>
      </c>
      <c r="H36" s="17"/>
      <c r="I36" s="13">
        <v>2313</v>
      </c>
      <c r="J36" s="19">
        <v>1061</v>
      </c>
      <c r="K36" s="19">
        <v>1252</v>
      </c>
    </row>
    <row r="37" spans="1:11" ht="15" customHeight="1">
      <c r="A37" s="17" t="s">
        <v>71</v>
      </c>
      <c r="B37" s="17"/>
      <c r="C37" s="13">
        <v>1950</v>
      </c>
      <c r="D37" s="19">
        <v>962</v>
      </c>
      <c r="E37" s="19">
        <v>988</v>
      </c>
      <c r="F37" s="19"/>
      <c r="G37" s="18" t="s">
        <v>72</v>
      </c>
      <c r="H37" s="17"/>
      <c r="I37" s="13">
        <v>2715</v>
      </c>
      <c r="J37" s="19">
        <v>1227</v>
      </c>
      <c r="K37" s="19">
        <v>1488</v>
      </c>
    </row>
    <row r="38" spans="1:11" ht="15" customHeight="1">
      <c r="A38" s="17" t="s">
        <v>73</v>
      </c>
      <c r="B38" s="17"/>
      <c r="C38" s="13">
        <v>1989</v>
      </c>
      <c r="D38" s="19">
        <v>954</v>
      </c>
      <c r="E38" s="19">
        <v>1035</v>
      </c>
      <c r="F38" s="19"/>
      <c r="G38" s="18" t="s">
        <v>74</v>
      </c>
      <c r="H38" s="17"/>
      <c r="I38" s="13">
        <v>2877</v>
      </c>
      <c r="J38" s="19">
        <v>1266</v>
      </c>
      <c r="K38" s="19">
        <v>1611</v>
      </c>
    </row>
    <row r="39" spans="1:11" ht="15" customHeight="1">
      <c r="A39" s="17" t="s">
        <v>75</v>
      </c>
      <c r="B39" s="17"/>
      <c r="C39" s="13">
        <v>1901</v>
      </c>
      <c r="D39" s="19">
        <v>953</v>
      </c>
      <c r="E39" s="19">
        <v>948</v>
      </c>
      <c r="F39" s="19"/>
      <c r="G39" s="18" t="s">
        <v>76</v>
      </c>
      <c r="H39" s="17"/>
      <c r="I39" s="13">
        <v>2797</v>
      </c>
      <c r="J39" s="19">
        <v>1256</v>
      </c>
      <c r="K39" s="19">
        <v>1541</v>
      </c>
    </row>
    <row r="40" spans="1:11" ht="15" customHeight="1">
      <c r="A40" s="17" t="s">
        <v>77</v>
      </c>
      <c r="B40" s="17"/>
      <c r="C40" s="13">
        <v>1962</v>
      </c>
      <c r="D40" s="19">
        <v>966</v>
      </c>
      <c r="E40" s="19">
        <v>996</v>
      </c>
      <c r="F40" s="19"/>
      <c r="G40" s="18" t="s">
        <v>78</v>
      </c>
      <c r="H40" s="17"/>
      <c r="I40" s="13">
        <v>2752</v>
      </c>
      <c r="J40" s="19">
        <v>1203</v>
      </c>
      <c r="K40" s="19">
        <v>1549</v>
      </c>
    </row>
    <row r="41" spans="1:11" ht="20.100000000000001" customHeight="1">
      <c r="A41" s="17" t="s">
        <v>79</v>
      </c>
      <c r="B41" s="17"/>
      <c r="C41" s="13">
        <v>11074</v>
      </c>
      <c r="D41" s="14">
        <v>5482</v>
      </c>
      <c r="E41" s="14">
        <v>5592</v>
      </c>
      <c r="F41" s="14"/>
      <c r="G41" s="18" t="s">
        <v>80</v>
      </c>
      <c r="H41" s="17"/>
      <c r="I41" s="13">
        <v>10536</v>
      </c>
      <c r="J41" s="14">
        <v>4612</v>
      </c>
      <c r="K41" s="14">
        <v>5924</v>
      </c>
    </row>
    <row r="42" spans="1:11" ht="15" customHeight="1">
      <c r="A42" s="17" t="s">
        <v>81</v>
      </c>
      <c r="B42" s="17"/>
      <c r="C42" s="13">
        <v>1996</v>
      </c>
      <c r="D42" s="19">
        <v>973</v>
      </c>
      <c r="E42" s="19">
        <v>1023</v>
      </c>
      <c r="F42" s="19"/>
      <c r="G42" s="18" t="s">
        <v>82</v>
      </c>
      <c r="H42" s="17"/>
      <c r="I42" s="13">
        <v>2546</v>
      </c>
      <c r="J42" s="19">
        <v>1142</v>
      </c>
      <c r="K42" s="19">
        <v>1404</v>
      </c>
    </row>
    <row r="43" spans="1:11" ht="15" customHeight="1">
      <c r="A43" s="17" t="s">
        <v>83</v>
      </c>
      <c r="B43" s="17"/>
      <c r="C43" s="13">
        <v>2025</v>
      </c>
      <c r="D43" s="19">
        <v>992</v>
      </c>
      <c r="E43" s="19">
        <v>1033</v>
      </c>
      <c r="F43" s="19"/>
      <c r="G43" s="18" t="s">
        <v>84</v>
      </c>
      <c r="H43" s="17"/>
      <c r="I43" s="13">
        <v>2045</v>
      </c>
      <c r="J43" s="19">
        <v>896</v>
      </c>
      <c r="K43" s="19">
        <v>1149</v>
      </c>
    </row>
    <row r="44" spans="1:11" ht="15" customHeight="1">
      <c r="A44" s="17" t="s">
        <v>85</v>
      </c>
      <c r="B44" s="17"/>
      <c r="C44" s="13">
        <v>2248</v>
      </c>
      <c r="D44" s="19">
        <v>1084</v>
      </c>
      <c r="E44" s="19">
        <v>1164</v>
      </c>
      <c r="F44" s="19"/>
      <c r="G44" s="18" t="s">
        <v>86</v>
      </c>
      <c r="H44" s="17"/>
      <c r="I44" s="13">
        <v>1932</v>
      </c>
      <c r="J44" s="19">
        <v>838</v>
      </c>
      <c r="K44" s="19">
        <v>1094</v>
      </c>
    </row>
    <row r="45" spans="1:11" ht="15" customHeight="1">
      <c r="A45" s="17" t="s">
        <v>87</v>
      </c>
      <c r="B45" s="17"/>
      <c r="C45" s="13">
        <v>2329</v>
      </c>
      <c r="D45" s="19">
        <v>1178</v>
      </c>
      <c r="E45" s="19">
        <v>1151</v>
      </c>
      <c r="F45" s="19"/>
      <c r="G45" s="18" t="s">
        <v>88</v>
      </c>
      <c r="H45" s="17"/>
      <c r="I45" s="13">
        <v>2147</v>
      </c>
      <c r="J45" s="19">
        <v>959</v>
      </c>
      <c r="K45" s="19">
        <v>1188</v>
      </c>
    </row>
    <row r="46" spans="1:11" ht="15" customHeight="1">
      <c r="A46" s="17" t="s">
        <v>89</v>
      </c>
      <c r="B46" s="17"/>
      <c r="C46" s="13">
        <v>2476</v>
      </c>
      <c r="D46" s="19">
        <v>1255</v>
      </c>
      <c r="E46" s="19">
        <v>1221</v>
      </c>
      <c r="F46" s="19"/>
      <c r="G46" s="18" t="s">
        <v>90</v>
      </c>
      <c r="H46" s="17"/>
      <c r="I46" s="13">
        <v>1866</v>
      </c>
      <c r="J46" s="19">
        <v>777</v>
      </c>
      <c r="K46" s="19">
        <v>1089</v>
      </c>
    </row>
    <row r="47" spans="1:11" ht="20.100000000000001" customHeight="1">
      <c r="A47" s="17" t="s">
        <v>91</v>
      </c>
      <c r="B47" s="17"/>
      <c r="C47" s="13">
        <v>14341</v>
      </c>
      <c r="D47" s="14">
        <v>6987</v>
      </c>
      <c r="E47" s="14">
        <v>7354</v>
      </c>
      <c r="F47" s="14"/>
      <c r="G47" s="18" t="s">
        <v>92</v>
      </c>
      <c r="H47" s="17"/>
      <c r="I47" s="13">
        <v>6697</v>
      </c>
      <c r="J47" s="14">
        <v>2543</v>
      </c>
      <c r="K47" s="14">
        <v>4154</v>
      </c>
    </row>
    <row r="48" spans="1:11" ht="15" customHeight="1">
      <c r="A48" s="17" t="s">
        <v>93</v>
      </c>
      <c r="B48" s="17"/>
      <c r="C48" s="13">
        <v>2573</v>
      </c>
      <c r="D48" s="19">
        <v>1270</v>
      </c>
      <c r="E48" s="19">
        <v>1303</v>
      </c>
      <c r="F48" s="19"/>
      <c r="G48" s="18" t="s">
        <v>94</v>
      </c>
      <c r="H48" s="17"/>
      <c r="I48" s="13">
        <v>1773</v>
      </c>
      <c r="J48" s="19">
        <v>747</v>
      </c>
      <c r="K48" s="19">
        <v>1026</v>
      </c>
    </row>
    <row r="49" spans="1:11" ht="15" customHeight="1">
      <c r="A49" s="17" t="s">
        <v>95</v>
      </c>
      <c r="B49" s="17"/>
      <c r="C49" s="13">
        <v>2817</v>
      </c>
      <c r="D49" s="19">
        <v>1302</v>
      </c>
      <c r="E49" s="19">
        <v>1515</v>
      </c>
      <c r="F49" s="19"/>
      <c r="G49" s="18" t="s">
        <v>96</v>
      </c>
      <c r="H49" s="17"/>
      <c r="I49" s="13">
        <v>1462</v>
      </c>
      <c r="J49" s="19">
        <v>572</v>
      </c>
      <c r="K49" s="19">
        <v>890</v>
      </c>
    </row>
    <row r="50" spans="1:11" ht="15" customHeight="1">
      <c r="A50" s="17" t="s">
        <v>97</v>
      </c>
      <c r="B50" s="17"/>
      <c r="C50" s="13">
        <v>2941</v>
      </c>
      <c r="D50" s="19">
        <v>1497</v>
      </c>
      <c r="E50" s="19">
        <v>1444</v>
      </c>
      <c r="F50" s="19"/>
      <c r="G50" s="18" t="s">
        <v>98</v>
      </c>
      <c r="H50" s="17"/>
      <c r="I50" s="13">
        <v>1299</v>
      </c>
      <c r="J50" s="19">
        <v>474</v>
      </c>
      <c r="K50" s="19">
        <v>825</v>
      </c>
    </row>
    <row r="51" spans="1:11" ht="15" customHeight="1">
      <c r="A51" s="17" t="s">
        <v>99</v>
      </c>
      <c r="B51" s="17"/>
      <c r="C51" s="13">
        <v>2975</v>
      </c>
      <c r="D51" s="19">
        <v>1414</v>
      </c>
      <c r="E51" s="19">
        <v>1561</v>
      </c>
      <c r="F51" s="19"/>
      <c r="G51" s="18" t="s">
        <v>100</v>
      </c>
      <c r="H51" s="17"/>
      <c r="I51" s="13">
        <v>1090</v>
      </c>
      <c r="J51" s="19">
        <v>378</v>
      </c>
      <c r="K51" s="19">
        <v>712</v>
      </c>
    </row>
    <row r="52" spans="1:11" ht="15" customHeight="1">
      <c r="A52" s="17" t="s">
        <v>101</v>
      </c>
      <c r="B52" s="17"/>
      <c r="C52" s="13">
        <v>3035</v>
      </c>
      <c r="D52" s="19">
        <v>1504</v>
      </c>
      <c r="E52" s="19">
        <v>1531</v>
      </c>
      <c r="F52" s="19"/>
      <c r="G52" s="18" t="s">
        <v>102</v>
      </c>
      <c r="H52" s="17"/>
      <c r="I52" s="13">
        <v>1073</v>
      </c>
      <c r="J52" s="19">
        <v>372</v>
      </c>
      <c r="K52" s="19">
        <v>701</v>
      </c>
    </row>
    <row r="53" spans="1:11" ht="20.100000000000001" customHeight="1">
      <c r="A53" s="17" t="s">
        <v>103</v>
      </c>
      <c r="B53" s="17"/>
      <c r="C53" s="13">
        <v>17405</v>
      </c>
      <c r="D53" s="14">
        <v>8640</v>
      </c>
      <c r="E53" s="14">
        <v>8765</v>
      </c>
      <c r="F53" s="14"/>
      <c r="G53" s="18" t="s">
        <v>104</v>
      </c>
      <c r="H53" s="17"/>
      <c r="I53" s="13">
        <v>2933</v>
      </c>
      <c r="J53" s="14">
        <v>855</v>
      </c>
      <c r="K53" s="14">
        <v>2078</v>
      </c>
    </row>
    <row r="54" spans="1:11" ht="15" customHeight="1">
      <c r="A54" s="17" t="s">
        <v>105</v>
      </c>
      <c r="B54" s="17"/>
      <c r="C54" s="13">
        <v>3177</v>
      </c>
      <c r="D54" s="19">
        <v>1549</v>
      </c>
      <c r="E54" s="19">
        <v>1628</v>
      </c>
      <c r="F54" s="19"/>
      <c r="G54" s="18" t="s">
        <v>106</v>
      </c>
      <c r="H54" s="17"/>
      <c r="I54" s="13">
        <v>819</v>
      </c>
      <c r="J54" s="19">
        <v>255</v>
      </c>
      <c r="K54" s="19">
        <v>564</v>
      </c>
    </row>
    <row r="55" spans="1:11" ht="15" customHeight="1">
      <c r="A55" s="17" t="s">
        <v>107</v>
      </c>
      <c r="B55" s="17"/>
      <c r="C55" s="13">
        <v>3423</v>
      </c>
      <c r="D55" s="19">
        <v>1738</v>
      </c>
      <c r="E55" s="19">
        <v>1685</v>
      </c>
      <c r="F55" s="19"/>
      <c r="G55" s="18" t="s">
        <v>108</v>
      </c>
      <c r="H55" s="17"/>
      <c r="I55" s="13">
        <v>719</v>
      </c>
      <c r="J55" s="19">
        <v>222</v>
      </c>
      <c r="K55" s="19">
        <v>497</v>
      </c>
    </row>
    <row r="56" spans="1:11" ht="15" customHeight="1">
      <c r="A56" s="17" t="s">
        <v>109</v>
      </c>
      <c r="B56" s="17"/>
      <c r="C56" s="13">
        <v>3513</v>
      </c>
      <c r="D56" s="19">
        <v>1711</v>
      </c>
      <c r="E56" s="19">
        <v>1802</v>
      </c>
      <c r="F56" s="19"/>
      <c r="G56" s="18" t="s">
        <v>110</v>
      </c>
      <c r="H56" s="17"/>
      <c r="I56" s="13">
        <v>575</v>
      </c>
      <c r="J56" s="19">
        <v>163</v>
      </c>
      <c r="K56" s="19">
        <v>412</v>
      </c>
    </row>
    <row r="57" spans="1:11" ht="15" customHeight="1">
      <c r="A57" s="17" t="s">
        <v>111</v>
      </c>
      <c r="B57" s="17"/>
      <c r="C57" s="13">
        <v>3497</v>
      </c>
      <c r="D57" s="19">
        <v>1737</v>
      </c>
      <c r="E57" s="19">
        <v>1760</v>
      </c>
      <c r="F57" s="19"/>
      <c r="G57" s="18" t="s">
        <v>112</v>
      </c>
      <c r="H57" s="17"/>
      <c r="I57" s="13">
        <v>443</v>
      </c>
      <c r="J57" s="19">
        <v>122</v>
      </c>
      <c r="K57" s="19">
        <v>321</v>
      </c>
    </row>
    <row r="58" spans="1:11" ht="15" customHeight="1">
      <c r="A58" s="17" t="s">
        <v>113</v>
      </c>
      <c r="B58" s="17"/>
      <c r="C58" s="13">
        <v>3795</v>
      </c>
      <c r="D58" s="19">
        <v>1905</v>
      </c>
      <c r="E58" s="19">
        <v>1890</v>
      </c>
      <c r="F58" s="19"/>
      <c r="G58" s="18" t="s">
        <v>114</v>
      </c>
      <c r="H58" s="17"/>
      <c r="I58" s="13">
        <v>377</v>
      </c>
      <c r="J58" s="19">
        <v>93</v>
      </c>
      <c r="K58" s="19">
        <v>284</v>
      </c>
    </row>
    <row r="59" spans="1:11" ht="20.100000000000001" customHeight="1">
      <c r="A59" s="17" t="s">
        <v>115</v>
      </c>
      <c r="B59" s="17"/>
      <c r="C59" s="13">
        <v>20913</v>
      </c>
      <c r="D59" s="14">
        <v>10339</v>
      </c>
      <c r="E59" s="14">
        <v>10574</v>
      </c>
      <c r="F59" s="14"/>
      <c r="G59" s="18" t="s">
        <v>116</v>
      </c>
      <c r="H59" s="17"/>
      <c r="I59" s="13">
        <v>796</v>
      </c>
      <c r="J59" s="14">
        <v>150</v>
      </c>
      <c r="K59" s="14">
        <v>646</v>
      </c>
    </row>
    <row r="60" spans="1:11" ht="15" customHeight="1">
      <c r="A60" s="17" t="s">
        <v>117</v>
      </c>
      <c r="B60" s="17"/>
      <c r="C60" s="13">
        <v>3888</v>
      </c>
      <c r="D60" s="19">
        <v>1903</v>
      </c>
      <c r="E60" s="19">
        <v>1985</v>
      </c>
      <c r="F60" s="19"/>
      <c r="G60" s="18" t="s">
        <v>118</v>
      </c>
      <c r="H60" s="17"/>
      <c r="I60" s="13">
        <v>267</v>
      </c>
      <c r="J60" s="19">
        <v>57</v>
      </c>
      <c r="K60" s="19">
        <v>210</v>
      </c>
    </row>
    <row r="61" spans="1:11" ht="15" customHeight="1">
      <c r="A61" s="17" t="s">
        <v>119</v>
      </c>
      <c r="B61" s="17"/>
      <c r="C61" s="13">
        <v>4166</v>
      </c>
      <c r="D61" s="19">
        <v>2046</v>
      </c>
      <c r="E61" s="19">
        <v>2120</v>
      </c>
      <c r="F61" s="19"/>
      <c r="G61" s="18" t="s">
        <v>120</v>
      </c>
      <c r="H61" s="17"/>
      <c r="I61" s="13">
        <v>197</v>
      </c>
      <c r="J61" s="19">
        <v>39</v>
      </c>
      <c r="K61" s="19">
        <v>158</v>
      </c>
    </row>
    <row r="62" spans="1:11" ht="15" customHeight="1">
      <c r="A62" s="17" t="s">
        <v>121</v>
      </c>
      <c r="B62" s="17"/>
      <c r="C62" s="13">
        <v>4300</v>
      </c>
      <c r="D62" s="19">
        <v>2133</v>
      </c>
      <c r="E62" s="19">
        <v>2167</v>
      </c>
      <c r="F62" s="19"/>
      <c r="G62" s="18" t="s">
        <v>122</v>
      </c>
      <c r="H62" s="17"/>
      <c r="I62" s="13">
        <v>137</v>
      </c>
      <c r="J62" s="19">
        <v>29</v>
      </c>
      <c r="K62" s="19">
        <v>108</v>
      </c>
    </row>
    <row r="63" spans="1:11" ht="15" customHeight="1">
      <c r="A63" s="17" t="s">
        <v>123</v>
      </c>
      <c r="B63" s="17"/>
      <c r="C63" s="13">
        <v>4291</v>
      </c>
      <c r="D63" s="19">
        <v>2092</v>
      </c>
      <c r="E63" s="19">
        <v>2199</v>
      </c>
      <c r="F63" s="19"/>
      <c r="G63" s="18" t="s">
        <v>124</v>
      </c>
      <c r="H63" s="17"/>
      <c r="I63" s="13">
        <v>104</v>
      </c>
      <c r="J63" s="19">
        <v>9</v>
      </c>
      <c r="K63" s="19">
        <v>95</v>
      </c>
    </row>
    <row r="64" spans="1:11" ht="15" customHeight="1">
      <c r="A64" s="17" t="s">
        <v>125</v>
      </c>
      <c r="B64" s="17"/>
      <c r="C64" s="13">
        <v>4268</v>
      </c>
      <c r="D64" s="19">
        <v>2165</v>
      </c>
      <c r="E64" s="19">
        <v>2103</v>
      </c>
      <c r="F64" s="19"/>
      <c r="G64" s="18" t="s">
        <v>126</v>
      </c>
      <c r="H64" s="17"/>
      <c r="I64" s="13">
        <v>91</v>
      </c>
      <c r="J64" s="19">
        <v>16</v>
      </c>
      <c r="K64" s="19">
        <v>7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22</v>
      </c>
      <c r="J65" s="19">
        <v>17</v>
      </c>
      <c r="K65" s="19">
        <v>10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994</v>
      </c>
      <c r="J66" s="29">
        <v>1236</v>
      </c>
      <c r="K66" s="29">
        <v>758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62379</v>
      </c>
      <c r="D4" s="14">
        <v>82103</v>
      </c>
      <c r="E4" s="14">
        <v>8027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619</v>
      </c>
      <c r="D5" s="14">
        <v>2434</v>
      </c>
      <c r="E5" s="14">
        <v>2185</v>
      </c>
      <c r="F5" s="14"/>
      <c r="G5" s="18" t="s">
        <v>8</v>
      </c>
      <c r="H5" s="17"/>
      <c r="I5" s="13">
        <v>11168</v>
      </c>
      <c r="J5" s="14">
        <v>5962</v>
      </c>
      <c r="K5" s="14">
        <v>5206</v>
      </c>
    </row>
    <row r="6" spans="1:11" ht="15" customHeight="1">
      <c r="A6" s="17" t="s">
        <v>9</v>
      </c>
      <c r="B6" s="17"/>
      <c r="C6" s="13">
        <v>825</v>
      </c>
      <c r="D6" s="19">
        <v>415</v>
      </c>
      <c r="E6" s="19">
        <v>410</v>
      </c>
      <c r="F6" s="19"/>
      <c r="G6" s="18" t="s">
        <v>10</v>
      </c>
      <c r="H6" s="17"/>
      <c r="I6" s="13">
        <v>2440</v>
      </c>
      <c r="J6" s="19">
        <v>1280</v>
      </c>
      <c r="K6" s="19">
        <v>1160</v>
      </c>
    </row>
    <row r="7" spans="1:11" ht="15" customHeight="1">
      <c r="A7" s="17" t="s">
        <v>11</v>
      </c>
      <c r="B7" s="17"/>
      <c r="C7" s="13">
        <v>844</v>
      </c>
      <c r="D7" s="19">
        <v>453</v>
      </c>
      <c r="E7" s="19">
        <v>391</v>
      </c>
      <c r="F7" s="19"/>
      <c r="G7" s="18" t="s">
        <v>12</v>
      </c>
      <c r="H7" s="17"/>
      <c r="I7" s="13">
        <v>2305</v>
      </c>
      <c r="J7" s="19">
        <v>1254</v>
      </c>
      <c r="K7" s="19">
        <v>1051</v>
      </c>
    </row>
    <row r="8" spans="1:11" ht="15" customHeight="1">
      <c r="A8" s="17" t="s">
        <v>13</v>
      </c>
      <c r="B8" s="17"/>
      <c r="C8" s="13">
        <v>891</v>
      </c>
      <c r="D8" s="19">
        <v>478</v>
      </c>
      <c r="E8" s="19">
        <v>413</v>
      </c>
      <c r="F8" s="19"/>
      <c r="G8" s="18" t="s">
        <v>14</v>
      </c>
      <c r="H8" s="17"/>
      <c r="I8" s="13">
        <v>2342</v>
      </c>
      <c r="J8" s="19">
        <v>1258</v>
      </c>
      <c r="K8" s="19">
        <v>1084</v>
      </c>
    </row>
    <row r="9" spans="1:11" ht="15" customHeight="1">
      <c r="A9" s="17" t="s">
        <v>15</v>
      </c>
      <c r="B9" s="17"/>
      <c r="C9" s="13">
        <v>1007</v>
      </c>
      <c r="D9" s="19">
        <v>518</v>
      </c>
      <c r="E9" s="19">
        <v>489</v>
      </c>
      <c r="F9" s="19"/>
      <c r="G9" s="18" t="s">
        <v>16</v>
      </c>
      <c r="H9" s="17"/>
      <c r="I9" s="13">
        <v>2374</v>
      </c>
      <c r="J9" s="19">
        <v>1253</v>
      </c>
      <c r="K9" s="19">
        <v>1121</v>
      </c>
    </row>
    <row r="10" spans="1:11" ht="15" customHeight="1">
      <c r="A10" s="17" t="s">
        <v>17</v>
      </c>
      <c r="B10" s="17"/>
      <c r="C10" s="13">
        <v>1052</v>
      </c>
      <c r="D10" s="19">
        <v>570</v>
      </c>
      <c r="E10" s="19">
        <v>482</v>
      </c>
      <c r="F10" s="19"/>
      <c r="G10" s="18" t="s">
        <v>18</v>
      </c>
      <c r="H10" s="17"/>
      <c r="I10" s="13">
        <v>1707</v>
      </c>
      <c r="J10" s="19">
        <v>917</v>
      </c>
      <c r="K10" s="19">
        <v>790</v>
      </c>
    </row>
    <row r="11" spans="1:11" ht="20.100000000000001" customHeight="1">
      <c r="A11" s="17" t="s">
        <v>19</v>
      </c>
      <c r="B11" s="17"/>
      <c r="C11" s="13">
        <v>6199</v>
      </c>
      <c r="D11" s="14">
        <v>3209</v>
      </c>
      <c r="E11" s="14">
        <v>2990</v>
      </c>
      <c r="F11" s="14"/>
      <c r="G11" s="18" t="s">
        <v>20</v>
      </c>
      <c r="H11" s="17"/>
      <c r="I11" s="13">
        <v>10085</v>
      </c>
      <c r="J11" s="14">
        <v>5120</v>
      </c>
      <c r="K11" s="14">
        <v>4965</v>
      </c>
    </row>
    <row r="12" spans="1:11" ht="15" customHeight="1">
      <c r="A12" s="17" t="s">
        <v>21</v>
      </c>
      <c r="B12" s="17"/>
      <c r="C12" s="13">
        <v>1179</v>
      </c>
      <c r="D12" s="19">
        <v>593</v>
      </c>
      <c r="E12" s="19">
        <v>586</v>
      </c>
      <c r="F12" s="19"/>
      <c r="G12" s="18" t="s">
        <v>22</v>
      </c>
      <c r="H12" s="17"/>
      <c r="I12" s="13">
        <v>2233</v>
      </c>
      <c r="J12" s="19">
        <v>1096</v>
      </c>
      <c r="K12" s="19">
        <v>1137</v>
      </c>
    </row>
    <row r="13" spans="1:11" ht="15" customHeight="1">
      <c r="A13" s="17" t="s">
        <v>23</v>
      </c>
      <c r="B13" s="17"/>
      <c r="C13" s="13">
        <v>1172</v>
      </c>
      <c r="D13" s="19">
        <v>635</v>
      </c>
      <c r="E13" s="19">
        <v>537</v>
      </c>
      <c r="F13" s="19"/>
      <c r="G13" s="18" t="s">
        <v>24</v>
      </c>
      <c r="H13" s="17"/>
      <c r="I13" s="13">
        <v>2192</v>
      </c>
      <c r="J13" s="19">
        <v>1131</v>
      </c>
      <c r="K13" s="19">
        <v>1061</v>
      </c>
    </row>
    <row r="14" spans="1:11" ht="15" customHeight="1">
      <c r="A14" s="17" t="s">
        <v>25</v>
      </c>
      <c r="B14" s="17"/>
      <c r="C14" s="13">
        <v>1236</v>
      </c>
      <c r="D14" s="19">
        <v>628</v>
      </c>
      <c r="E14" s="19">
        <v>608</v>
      </c>
      <c r="F14" s="19"/>
      <c r="G14" s="18" t="s">
        <v>26</v>
      </c>
      <c r="H14" s="17"/>
      <c r="I14" s="13">
        <v>1954</v>
      </c>
      <c r="J14" s="19">
        <v>1019</v>
      </c>
      <c r="K14" s="19">
        <v>935</v>
      </c>
    </row>
    <row r="15" spans="1:11" ht="15" customHeight="1">
      <c r="A15" s="17" t="s">
        <v>27</v>
      </c>
      <c r="B15" s="17"/>
      <c r="C15" s="13">
        <v>1289</v>
      </c>
      <c r="D15" s="19">
        <v>674</v>
      </c>
      <c r="E15" s="19">
        <v>615</v>
      </c>
      <c r="F15" s="19"/>
      <c r="G15" s="18" t="s">
        <v>28</v>
      </c>
      <c r="H15" s="17"/>
      <c r="I15" s="13">
        <v>1866</v>
      </c>
      <c r="J15" s="19">
        <v>959</v>
      </c>
      <c r="K15" s="19">
        <v>907</v>
      </c>
    </row>
    <row r="16" spans="1:11" ht="15" customHeight="1">
      <c r="A16" s="17" t="s">
        <v>29</v>
      </c>
      <c r="B16" s="17"/>
      <c r="C16" s="13">
        <v>1323</v>
      </c>
      <c r="D16" s="19">
        <v>679</v>
      </c>
      <c r="E16" s="19">
        <v>644</v>
      </c>
      <c r="F16" s="19"/>
      <c r="G16" s="18" t="s">
        <v>30</v>
      </c>
      <c r="H16" s="17"/>
      <c r="I16" s="13">
        <v>1840</v>
      </c>
      <c r="J16" s="19">
        <v>915</v>
      </c>
      <c r="K16" s="19">
        <v>925</v>
      </c>
    </row>
    <row r="17" spans="1:11" ht="20.100000000000001" customHeight="1">
      <c r="A17" s="20" t="s">
        <v>31</v>
      </c>
      <c r="B17" s="20"/>
      <c r="C17" s="13">
        <v>6915</v>
      </c>
      <c r="D17" s="14">
        <v>3570</v>
      </c>
      <c r="E17" s="14">
        <v>3345</v>
      </c>
      <c r="F17" s="14"/>
      <c r="G17" s="18" t="s">
        <v>32</v>
      </c>
      <c r="H17" s="17"/>
      <c r="I17" s="13">
        <v>9341</v>
      </c>
      <c r="J17" s="14">
        <v>4635</v>
      </c>
      <c r="K17" s="14">
        <v>4706</v>
      </c>
    </row>
    <row r="18" spans="1:11" ht="15" customHeight="1">
      <c r="A18" s="17" t="s">
        <v>33</v>
      </c>
      <c r="B18" s="17"/>
      <c r="C18" s="13">
        <v>1306</v>
      </c>
      <c r="D18" s="19">
        <v>679</v>
      </c>
      <c r="E18" s="19">
        <v>627</v>
      </c>
      <c r="F18" s="19"/>
      <c r="G18" s="18" t="s">
        <v>34</v>
      </c>
      <c r="H18" s="17"/>
      <c r="I18" s="13">
        <v>1835</v>
      </c>
      <c r="J18" s="19">
        <v>902</v>
      </c>
      <c r="K18" s="19">
        <v>933</v>
      </c>
    </row>
    <row r="19" spans="1:11" ht="15" customHeight="1">
      <c r="A19" s="17" t="s">
        <v>35</v>
      </c>
      <c r="B19" s="17"/>
      <c r="C19" s="13">
        <v>1366</v>
      </c>
      <c r="D19" s="19">
        <v>704</v>
      </c>
      <c r="E19" s="19">
        <v>662</v>
      </c>
      <c r="F19" s="19"/>
      <c r="G19" s="18" t="s">
        <v>36</v>
      </c>
      <c r="H19" s="17"/>
      <c r="I19" s="13">
        <v>1841</v>
      </c>
      <c r="J19" s="19">
        <v>942</v>
      </c>
      <c r="K19" s="19">
        <v>899</v>
      </c>
    </row>
    <row r="20" spans="1:11" ht="15" customHeight="1">
      <c r="A20" s="17" t="s">
        <v>37</v>
      </c>
      <c r="B20" s="17"/>
      <c r="C20" s="13">
        <v>1446</v>
      </c>
      <c r="D20" s="19">
        <v>768</v>
      </c>
      <c r="E20" s="19">
        <v>678</v>
      </c>
      <c r="F20" s="19"/>
      <c r="G20" s="18" t="s">
        <v>38</v>
      </c>
      <c r="H20" s="17"/>
      <c r="I20" s="13">
        <v>1940</v>
      </c>
      <c r="J20" s="19">
        <v>960</v>
      </c>
      <c r="K20" s="19">
        <v>980</v>
      </c>
    </row>
    <row r="21" spans="1:11" ht="15" customHeight="1">
      <c r="A21" s="17" t="s">
        <v>39</v>
      </c>
      <c r="B21" s="17"/>
      <c r="C21" s="13">
        <v>1390</v>
      </c>
      <c r="D21" s="19">
        <v>711</v>
      </c>
      <c r="E21" s="19">
        <v>679</v>
      </c>
      <c r="F21" s="19"/>
      <c r="G21" s="18" t="s">
        <v>40</v>
      </c>
      <c r="H21" s="17"/>
      <c r="I21" s="13">
        <v>1793</v>
      </c>
      <c r="J21" s="19">
        <v>882</v>
      </c>
      <c r="K21" s="19">
        <v>911</v>
      </c>
    </row>
    <row r="22" spans="1:11" ht="15" customHeight="1">
      <c r="A22" s="17" t="s">
        <v>41</v>
      </c>
      <c r="B22" s="17"/>
      <c r="C22" s="13">
        <v>1407</v>
      </c>
      <c r="D22" s="19">
        <v>708</v>
      </c>
      <c r="E22" s="19">
        <v>699</v>
      </c>
      <c r="F22" s="19"/>
      <c r="G22" s="18" t="s">
        <v>42</v>
      </c>
      <c r="H22" s="17"/>
      <c r="I22" s="13">
        <v>1932</v>
      </c>
      <c r="J22" s="19">
        <v>949</v>
      </c>
      <c r="K22" s="19">
        <v>983</v>
      </c>
    </row>
    <row r="23" spans="1:11" ht="20.100000000000001" customHeight="1">
      <c r="A23" s="17" t="s">
        <v>43</v>
      </c>
      <c r="B23" s="17"/>
      <c r="C23" s="13">
        <v>7794</v>
      </c>
      <c r="D23" s="14">
        <v>4020</v>
      </c>
      <c r="E23" s="14">
        <v>3774</v>
      </c>
      <c r="F23" s="14"/>
      <c r="G23" s="18" t="s">
        <v>44</v>
      </c>
      <c r="H23" s="17"/>
      <c r="I23" s="13">
        <v>11320</v>
      </c>
      <c r="J23" s="14">
        <v>5461</v>
      </c>
      <c r="K23" s="14">
        <v>5859</v>
      </c>
    </row>
    <row r="24" spans="1:11" ht="15" customHeight="1">
      <c r="A24" s="17" t="s">
        <v>45</v>
      </c>
      <c r="B24" s="17"/>
      <c r="C24" s="13">
        <v>1350</v>
      </c>
      <c r="D24" s="19">
        <v>665</v>
      </c>
      <c r="E24" s="19">
        <v>685</v>
      </c>
      <c r="F24" s="19"/>
      <c r="G24" s="18" t="s">
        <v>46</v>
      </c>
      <c r="H24" s="17"/>
      <c r="I24" s="13">
        <v>2085</v>
      </c>
      <c r="J24" s="19">
        <v>1028</v>
      </c>
      <c r="K24" s="19">
        <v>1057</v>
      </c>
    </row>
    <row r="25" spans="1:11" ht="15" customHeight="1">
      <c r="A25" s="17" t="s">
        <v>47</v>
      </c>
      <c r="B25" s="17"/>
      <c r="C25" s="13">
        <v>1390</v>
      </c>
      <c r="D25" s="19">
        <v>665</v>
      </c>
      <c r="E25" s="19">
        <v>725</v>
      </c>
      <c r="F25" s="19"/>
      <c r="G25" s="18" t="s">
        <v>48</v>
      </c>
      <c r="H25" s="17"/>
      <c r="I25" s="13">
        <v>2117</v>
      </c>
      <c r="J25" s="19">
        <v>1041</v>
      </c>
      <c r="K25" s="19">
        <v>1076</v>
      </c>
    </row>
    <row r="26" spans="1:11" ht="15" customHeight="1">
      <c r="A26" s="17" t="s">
        <v>49</v>
      </c>
      <c r="B26" s="17"/>
      <c r="C26" s="13">
        <v>1387</v>
      </c>
      <c r="D26" s="19">
        <v>688</v>
      </c>
      <c r="E26" s="19">
        <v>699</v>
      </c>
      <c r="F26" s="19"/>
      <c r="G26" s="18" t="s">
        <v>50</v>
      </c>
      <c r="H26" s="17"/>
      <c r="I26" s="13">
        <v>2120</v>
      </c>
      <c r="J26" s="19">
        <v>985</v>
      </c>
      <c r="K26" s="19">
        <v>1135</v>
      </c>
    </row>
    <row r="27" spans="1:11" ht="15" customHeight="1">
      <c r="A27" s="17" t="s">
        <v>51</v>
      </c>
      <c r="B27" s="17"/>
      <c r="C27" s="13">
        <v>1544</v>
      </c>
      <c r="D27" s="19">
        <v>797</v>
      </c>
      <c r="E27" s="19">
        <v>747</v>
      </c>
      <c r="F27" s="19"/>
      <c r="G27" s="18" t="s">
        <v>52</v>
      </c>
      <c r="H27" s="17"/>
      <c r="I27" s="13">
        <v>2374</v>
      </c>
      <c r="J27" s="19">
        <v>1148</v>
      </c>
      <c r="K27" s="19">
        <v>1226</v>
      </c>
    </row>
    <row r="28" spans="1:11" ht="15" customHeight="1">
      <c r="A28" s="17" t="s">
        <v>53</v>
      </c>
      <c r="B28" s="17"/>
      <c r="C28" s="13">
        <v>2123</v>
      </c>
      <c r="D28" s="19">
        <v>1205</v>
      </c>
      <c r="E28" s="19">
        <v>918</v>
      </c>
      <c r="F28" s="19"/>
      <c r="G28" s="18" t="s">
        <v>54</v>
      </c>
      <c r="H28" s="17"/>
      <c r="I28" s="13">
        <v>2624</v>
      </c>
      <c r="J28" s="19">
        <v>1259</v>
      </c>
      <c r="K28" s="19">
        <v>1365</v>
      </c>
    </row>
    <row r="29" spans="1:11" ht="20.100000000000001" customHeight="1">
      <c r="A29" s="17" t="s">
        <v>55</v>
      </c>
      <c r="B29" s="17"/>
      <c r="C29" s="13">
        <v>9482</v>
      </c>
      <c r="D29" s="14">
        <v>5488</v>
      </c>
      <c r="E29" s="14">
        <v>3994</v>
      </c>
      <c r="F29" s="14"/>
      <c r="G29" s="18" t="s">
        <v>56</v>
      </c>
      <c r="H29" s="17"/>
      <c r="I29" s="13">
        <v>14062</v>
      </c>
      <c r="J29" s="14">
        <v>6752</v>
      </c>
      <c r="K29" s="14">
        <v>7310</v>
      </c>
    </row>
    <row r="30" spans="1:11" ht="15" customHeight="1">
      <c r="A30" s="17" t="s">
        <v>57</v>
      </c>
      <c r="B30" s="17"/>
      <c r="C30" s="13">
        <v>2162</v>
      </c>
      <c r="D30" s="19">
        <v>1247</v>
      </c>
      <c r="E30" s="19">
        <v>915</v>
      </c>
      <c r="F30" s="19"/>
      <c r="G30" s="18" t="s">
        <v>58</v>
      </c>
      <c r="H30" s="17"/>
      <c r="I30" s="13">
        <v>2777</v>
      </c>
      <c r="J30" s="19">
        <v>1331</v>
      </c>
      <c r="K30" s="19">
        <v>1446</v>
      </c>
    </row>
    <row r="31" spans="1:11" ht="15" customHeight="1">
      <c r="A31" s="17" t="s">
        <v>59</v>
      </c>
      <c r="B31" s="17"/>
      <c r="C31" s="13">
        <v>2117</v>
      </c>
      <c r="D31" s="19">
        <v>1242</v>
      </c>
      <c r="E31" s="19">
        <v>875</v>
      </c>
      <c r="F31" s="19"/>
      <c r="G31" s="18" t="s">
        <v>60</v>
      </c>
      <c r="H31" s="17"/>
      <c r="I31" s="13">
        <v>3225</v>
      </c>
      <c r="J31" s="19">
        <v>1533</v>
      </c>
      <c r="K31" s="19">
        <v>1692</v>
      </c>
    </row>
    <row r="32" spans="1:11" ht="15" customHeight="1">
      <c r="A32" s="17" t="s">
        <v>61</v>
      </c>
      <c r="B32" s="17"/>
      <c r="C32" s="13">
        <v>2057</v>
      </c>
      <c r="D32" s="19">
        <v>1245</v>
      </c>
      <c r="E32" s="19">
        <v>812</v>
      </c>
      <c r="F32" s="19"/>
      <c r="G32" s="18" t="s">
        <v>62</v>
      </c>
      <c r="H32" s="17"/>
      <c r="I32" s="13">
        <v>3146</v>
      </c>
      <c r="J32" s="19">
        <v>1524</v>
      </c>
      <c r="K32" s="19">
        <v>1622</v>
      </c>
    </row>
    <row r="33" spans="1:11" ht="15" customHeight="1">
      <c r="A33" s="17" t="s">
        <v>63</v>
      </c>
      <c r="B33" s="17"/>
      <c r="C33" s="13">
        <v>1692</v>
      </c>
      <c r="D33" s="19">
        <v>954</v>
      </c>
      <c r="E33" s="19">
        <v>738</v>
      </c>
      <c r="F33" s="19"/>
      <c r="G33" s="18" t="s">
        <v>64</v>
      </c>
      <c r="H33" s="17"/>
      <c r="I33" s="13">
        <v>2859</v>
      </c>
      <c r="J33" s="19">
        <v>1389</v>
      </c>
      <c r="K33" s="19">
        <v>1470</v>
      </c>
    </row>
    <row r="34" spans="1:11" ht="15" customHeight="1">
      <c r="A34" s="17" t="s">
        <v>65</v>
      </c>
      <c r="B34" s="17"/>
      <c r="C34" s="13">
        <v>1454</v>
      </c>
      <c r="D34" s="19">
        <v>800</v>
      </c>
      <c r="E34" s="19">
        <v>654</v>
      </c>
      <c r="F34" s="19"/>
      <c r="G34" s="18" t="s">
        <v>66</v>
      </c>
      <c r="H34" s="17"/>
      <c r="I34" s="13">
        <v>2055</v>
      </c>
      <c r="J34" s="19">
        <v>975</v>
      </c>
      <c r="K34" s="19">
        <v>1080</v>
      </c>
    </row>
    <row r="35" spans="1:11" ht="20.100000000000001" customHeight="1">
      <c r="A35" s="17" t="s">
        <v>67</v>
      </c>
      <c r="B35" s="17"/>
      <c r="C35" s="13">
        <v>6683</v>
      </c>
      <c r="D35" s="14">
        <v>3515</v>
      </c>
      <c r="E35" s="14">
        <v>3168</v>
      </c>
      <c r="F35" s="14"/>
      <c r="G35" s="18" t="s">
        <v>68</v>
      </c>
      <c r="H35" s="17"/>
      <c r="I35" s="13">
        <v>10160</v>
      </c>
      <c r="J35" s="14">
        <v>4846</v>
      </c>
      <c r="K35" s="14">
        <v>5314</v>
      </c>
    </row>
    <row r="36" spans="1:11" ht="15" customHeight="1">
      <c r="A36" s="17" t="s">
        <v>69</v>
      </c>
      <c r="B36" s="17"/>
      <c r="C36" s="13">
        <v>1391</v>
      </c>
      <c r="D36" s="19">
        <v>755</v>
      </c>
      <c r="E36" s="19">
        <v>636</v>
      </c>
      <c r="F36" s="19"/>
      <c r="G36" s="18" t="s">
        <v>70</v>
      </c>
      <c r="H36" s="17"/>
      <c r="I36" s="13">
        <v>1743</v>
      </c>
      <c r="J36" s="19">
        <v>860</v>
      </c>
      <c r="K36" s="19">
        <v>883</v>
      </c>
    </row>
    <row r="37" spans="1:11" ht="15" customHeight="1">
      <c r="A37" s="17" t="s">
        <v>71</v>
      </c>
      <c r="B37" s="17"/>
      <c r="C37" s="13">
        <v>1428</v>
      </c>
      <c r="D37" s="19">
        <v>747</v>
      </c>
      <c r="E37" s="19">
        <v>681</v>
      </c>
      <c r="F37" s="19"/>
      <c r="G37" s="18" t="s">
        <v>72</v>
      </c>
      <c r="H37" s="17"/>
      <c r="I37" s="13">
        <v>2164</v>
      </c>
      <c r="J37" s="19">
        <v>1032</v>
      </c>
      <c r="K37" s="19">
        <v>1132</v>
      </c>
    </row>
    <row r="38" spans="1:11" ht="15" customHeight="1">
      <c r="A38" s="17" t="s">
        <v>73</v>
      </c>
      <c r="B38" s="17"/>
      <c r="C38" s="13">
        <v>1293</v>
      </c>
      <c r="D38" s="19">
        <v>673</v>
      </c>
      <c r="E38" s="19">
        <v>620</v>
      </c>
      <c r="F38" s="19"/>
      <c r="G38" s="18" t="s">
        <v>74</v>
      </c>
      <c r="H38" s="17"/>
      <c r="I38" s="13">
        <v>2216</v>
      </c>
      <c r="J38" s="19">
        <v>1067</v>
      </c>
      <c r="K38" s="19">
        <v>1149</v>
      </c>
    </row>
    <row r="39" spans="1:11" ht="15" customHeight="1">
      <c r="A39" s="17" t="s">
        <v>75</v>
      </c>
      <c r="B39" s="17"/>
      <c r="C39" s="13">
        <v>1240</v>
      </c>
      <c r="D39" s="19">
        <v>637</v>
      </c>
      <c r="E39" s="19">
        <v>603</v>
      </c>
      <c r="F39" s="19"/>
      <c r="G39" s="18" t="s">
        <v>76</v>
      </c>
      <c r="H39" s="17"/>
      <c r="I39" s="13">
        <v>2056</v>
      </c>
      <c r="J39" s="19">
        <v>976</v>
      </c>
      <c r="K39" s="19">
        <v>1080</v>
      </c>
    </row>
    <row r="40" spans="1:11" ht="15" customHeight="1">
      <c r="A40" s="17" t="s">
        <v>77</v>
      </c>
      <c r="B40" s="17"/>
      <c r="C40" s="13">
        <v>1331</v>
      </c>
      <c r="D40" s="19">
        <v>703</v>
      </c>
      <c r="E40" s="19">
        <v>628</v>
      </c>
      <c r="F40" s="19"/>
      <c r="G40" s="18" t="s">
        <v>78</v>
      </c>
      <c r="H40" s="17"/>
      <c r="I40" s="13">
        <v>1981</v>
      </c>
      <c r="J40" s="19">
        <v>911</v>
      </c>
      <c r="K40" s="19">
        <v>1070</v>
      </c>
    </row>
    <row r="41" spans="1:11" ht="20.100000000000001" customHeight="1">
      <c r="A41" s="17" t="s">
        <v>79</v>
      </c>
      <c r="B41" s="17"/>
      <c r="C41" s="13">
        <v>6967</v>
      </c>
      <c r="D41" s="14">
        <v>3700</v>
      </c>
      <c r="E41" s="14">
        <v>3267</v>
      </c>
      <c r="F41" s="14"/>
      <c r="G41" s="18" t="s">
        <v>80</v>
      </c>
      <c r="H41" s="17"/>
      <c r="I41" s="13">
        <v>6722</v>
      </c>
      <c r="J41" s="14">
        <v>3071</v>
      </c>
      <c r="K41" s="14">
        <v>3651</v>
      </c>
    </row>
    <row r="42" spans="1:11" ht="15" customHeight="1">
      <c r="A42" s="17" t="s">
        <v>81</v>
      </c>
      <c r="B42" s="17"/>
      <c r="C42" s="13">
        <v>1302</v>
      </c>
      <c r="D42" s="19">
        <v>694</v>
      </c>
      <c r="E42" s="19">
        <v>608</v>
      </c>
      <c r="F42" s="19"/>
      <c r="G42" s="18" t="s">
        <v>82</v>
      </c>
      <c r="H42" s="17"/>
      <c r="I42" s="13">
        <v>1686</v>
      </c>
      <c r="J42" s="19">
        <v>797</v>
      </c>
      <c r="K42" s="19">
        <v>889</v>
      </c>
    </row>
    <row r="43" spans="1:11" ht="15" customHeight="1">
      <c r="A43" s="17" t="s">
        <v>83</v>
      </c>
      <c r="B43" s="17"/>
      <c r="C43" s="13">
        <v>1332</v>
      </c>
      <c r="D43" s="19">
        <v>728</v>
      </c>
      <c r="E43" s="19">
        <v>604</v>
      </c>
      <c r="F43" s="19"/>
      <c r="G43" s="18" t="s">
        <v>84</v>
      </c>
      <c r="H43" s="17"/>
      <c r="I43" s="13">
        <v>1399</v>
      </c>
      <c r="J43" s="19">
        <v>654</v>
      </c>
      <c r="K43" s="19">
        <v>745</v>
      </c>
    </row>
    <row r="44" spans="1:11" ht="15" customHeight="1">
      <c r="A44" s="17" t="s">
        <v>85</v>
      </c>
      <c r="B44" s="17"/>
      <c r="C44" s="13">
        <v>1431</v>
      </c>
      <c r="D44" s="19">
        <v>732</v>
      </c>
      <c r="E44" s="19">
        <v>699</v>
      </c>
      <c r="F44" s="19"/>
      <c r="G44" s="18" t="s">
        <v>86</v>
      </c>
      <c r="H44" s="17"/>
      <c r="I44" s="13">
        <v>1262</v>
      </c>
      <c r="J44" s="19">
        <v>601</v>
      </c>
      <c r="K44" s="19">
        <v>661</v>
      </c>
    </row>
    <row r="45" spans="1:11" ht="15" customHeight="1">
      <c r="A45" s="17" t="s">
        <v>87</v>
      </c>
      <c r="B45" s="17"/>
      <c r="C45" s="13">
        <v>1456</v>
      </c>
      <c r="D45" s="19">
        <v>786</v>
      </c>
      <c r="E45" s="19">
        <v>670</v>
      </c>
      <c r="F45" s="19"/>
      <c r="G45" s="18" t="s">
        <v>88</v>
      </c>
      <c r="H45" s="17"/>
      <c r="I45" s="13">
        <v>1295</v>
      </c>
      <c r="J45" s="19">
        <v>558</v>
      </c>
      <c r="K45" s="19">
        <v>737</v>
      </c>
    </row>
    <row r="46" spans="1:11" ht="15" customHeight="1">
      <c r="A46" s="17" t="s">
        <v>89</v>
      </c>
      <c r="B46" s="17"/>
      <c r="C46" s="13">
        <v>1446</v>
      </c>
      <c r="D46" s="19">
        <v>760</v>
      </c>
      <c r="E46" s="19">
        <v>686</v>
      </c>
      <c r="F46" s="19"/>
      <c r="G46" s="18" t="s">
        <v>90</v>
      </c>
      <c r="H46" s="17"/>
      <c r="I46" s="13">
        <v>1080</v>
      </c>
      <c r="J46" s="19">
        <v>461</v>
      </c>
      <c r="K46" s="19">
        <v>619</v>
      </c>
    </row>
    <row r="47" spans="1:11" ht="20.100000000000001" customHeight="1">
      <c r="A47" s="17" t="s">
        <v>91</v>
      </c>
      <c r="B47" s="17"/>
      <c r="C47" s="13">
        <v>8691</v>
      </c>
      <c r="D47" s="14">
        <v>4501</v>
      </c>
      <c r="E47" s="14">
        <v>4190</v>
      </c>
      <c r="F47" s="14"/>
      <c r="G47" s="18" t="s">
        <v>92</v>
      </c>
      <c r="H47" s="17"/>
      <c r="I47" s="13">
        <v>4010</v>
      </c>
      <c r="J47" s="14">
        <v>1504</v>
      </c>
      <c r="K47" s="14">
        <v>2506</v>
      </c>
    </row>
    <row r="48" spans="1:11" ht="15" customHeight="1">
      <c r="A48" s="17" t="s">
        <v>93</v>
      </c>
      <c r="B48" s="17"/>
      <c r="C48" s="13">
        <v>1574</v>
      </c>
      <c r="D48" s="19">
        <v>823</v>
      </c>
      <c r="E48" s="19">
        <v>751</v>
      </c>
      <c r="F48" s="19"/>
      <c r="G48" s="18" t="s">
        <v>94</v>
      </c>
      <c r="H48" s="17"/>
      <c r="I48" s="13">
        <v>1016</v>
      </c>
      <c r="J48" s="19">
        <v>411</v>
      </c>
      <c r="K48" s="19">
        <v>605</v>
      </c>
    </row>
    <row r="49" spans="1:11" ht="15" customHeight="1">
      <c r="A49" s="17" t="s">
        <v>95</v>
      </c>
      <c r="B49" s="17"/>
      <c r="C49" s="13">
        <v>1658</v>
      </c>
      <c r="D49" s="19">
        <v>851</v>
      </c>
      <c r="E49" s="19">
        <v>807</v>
      </c>
      <c r="F49" s="19"/>
      <c r="G49" s="18" t="s">
        <v>96</v>
      </c>
      <c r="H49" s="17"/>
      <c r="I49" s="13">
        <v>909</v>
      </c>
      <c r="J49" s="19">
        <v>353</v>
      </c>
      <c r="K49" s="19">
        <v>556</v>
      </c>
    </row>
    <row r="50" spans="1:11" ht="15" customHeight="1">
      <c r="A50" s="17" t="s">
        <v>97</v>
      </c>
      <c r="B50" s="17"/>
      <c r="C50" s="13">
        <v>1742</v>
      </c>
      <c r="D50" s="19">
        <v>880</v>
      </c>
      <c r="E50" s="19">
        <v>862</v>
      </c>
      <c r="F50" s="19"/>
      <c r="G50" s="18" t="s">
        <v>98</v>
      </c>
      <c r="H50" s="17"/>
      <c r="I50" s="13">
        <v>753</v>
      </c>
      <c r="J50" s="19">
        <v>280</v>
      </c>
      <c r="K50" s="19">
        <v>473</v>
      </c>
    </row>
    <row r="51" spans="1:11" ht="15" customHeight="1">
      <c r="A51" s="17" t="s">
        <v>99</v>
      </c>
      <c r="B51" s="17"/>
      <c r="C51" s="13">
        <v>1747</v>
      </c>
      <c r="D51" s="19">
        <v>921</v>
      </c>
      <c r="E51" s="19">
        <v>826</v>
      </c>
      <c r="F51" s="19"/>
      <c r="G51" s="18" t="s">
        <v>100</v>
      </c>
      <c r="H51" s="17"/>
      <c r="I51" s="13">
        <v>726</v>
      </c>
      <c r="J51" s="19">
        <v>257</v>
      </c>
      <c r="K51" s="19">
        <v>469</v>
      </c>
    </row>
    <row r="52" spans="1:11" ht="15" customHeight="1">
      <c r="A52" s="17" t="s">
        <v>101</v>
      </c>
      <c r="B52" s="17"/>
      <c r="C52" s="13">
        <v>1970</v>
      </c>
      <c r="D52" s="19">
        <v>1026</v>
      </c>
      <c r="E52" s="19">
        <v>944</v>
      </c>
      <c r="F52" s="19"/>
      <c r="G52" s="18" t="s">
        <v>102</v>
      </c>
      <c r="H52" s="17"/>
      <c r="I52" s="13">
        <v>606</v>
      </c>
      <c r="J52" s="19">
        <v>203</v>
      </c>
      <c r="K52" s="19">
        <v>403</v>
      </c>
    </row>
    <row r="53" spans="1:11" ht="20.100000000000001" customHeight="1">
      <c r="A53" s="17" t="s">
        <v>103</v>
      </c>
      <c r="B53" s="17"/>
      <c r="C53" s="13">
        <v>10352</v>
      </c>
      <c r="D53" s="14">
        <v>5425</v>
      </c>
      <c r="E53" s="14">
        <v>4927</v>
      </c>
      <c r="F53" s="14"/>
      <c r="G53" s="18" t="s">
        <v>104</v>
      </c>
      <c r="H53" s="17"/>
      <c r="I53" s="13">
        <v>1801</v>
      </c>
      <c r="J53" s="14">
        <v>484</v>
      </c>
      <c r="K53" s="14">
        <v>1317</v>
      </c>
    </row>
    <row r="54" spans="1:11" ht="15" customHeight="1">
      <c r="A54" s="17" t="s">
        <v>105</v>
      </c>
      <c r="B54" s="17"/>
      <c r="C54" s="13">
        <v>1826</v>
      </c>
      <c r="D54" s="19">
        <v>986</v>
      </c>
      <c r="E54" s="19">
        <v>840</v>
      </c>
      <c r="F54" s="19"/>
      <c r="G54" s="18" t="s">
        <v>106</v>
      </c>
      <c r="H54" s="17"/>
      <c r="I54" s="13">
        <v>531</v>
      </c>
      <c r="J54" s="19">
        <v>174</v>
      </c>
      <c r="K54" s="19">
        <v>357</v>
      </c>
    </row>
    <row r="55" spans="1:11" ht="15" customHeight="1">
      <c r="A55" s="17" t="s">
        <v>107</v>
      </c>
      <c r="B55" s="17"/>
      <c r="C55" s="13">
        <v>2050</v>
      </c>
      <c r="D55" s="19">
        <v>1063</v>
      </c>
      <c r="E55" s="19">
        <v>987</v>
      </c>
      <c r="F55" s="19"/>
      <c r="G55" s="18" t="s">
        <v>108</v>
      </c>
      <c r="H55" s="17"/>
      <c r="I55" s="13">
        <v>413</v>
      </c>
      <c r="J55" s="19">
        <v>115</v>
      </c>
      <c r="K55" s="19">
        <v>298</v>
      </c>
    </row>
    <row r="56" spans="1:11" ht="15" customHeight="1">
      <c r="A56" s="17" t="s">
        <v>109</v>
      </c>
      <c r="B56" s="17"/>
      <c r="C56" s="13">
        <v>2103</v>
      </c>
      <c r="D56" s="19">
        <v>1064</v>
      </c>
      <c r="E56" s="19">
        <v>1039</v>
      </c>
      <c r="F56" s="19"/>
      <c r="G56" s="18" t="s">
        <v>110</v>
      </c>
      <c r="H56" s="17"/>
      <c r="I56" s="13">
        <v>378</v>
      </c>
      <c r="J56" s="19">
        <v>90</v>
      </c>
      <c r="K56" s="19">
        <v>288</v>
      </c>
    </row>
    <row r="57" spans="1:11" ht="15" customHeight="1">
      <c r="A57" s="17" t="s">
        <v>111</v>
      </c>
      <c r="B57" s="17"/>
      <c r="C57" s="13">
        <v>2140</v>
      </c>
      <c r="D57" s="19">
        <v>1152</v>
      </c>
      <c r="E57" s="19">
        <v>988</v>
      </c>
      <c r="F57" s="19"/>
      <c r="G57" s="18" t="s">
        <v>112</v>
      </c>
      <c r="H57" s="17"/>
      <c r="I57" s="13">
        <v>234</v>
      </c>
      <c r="J57" s="19">
        <v>44</v>
      </c>
      <c r="K57" s="19">
        <v>190</v>
      </c>
    </row>
    <row r="58" spans="1:11" ht="15" customHeight="1">
      <c r="A58" s="17" t="s">
        <v>113</v>
      </c>
      <c r="B58" s="17"/>
      <c r="C58" s="13">
        <v>2233</v>
      </c>
      <c r="D58" s="19">
        <v>1160</v>
      </c>
      <c r="E58" s="19">
        <v>1073</v>
      </c>
      <c r="F58" s="19"/>
      <c r="G58" s="18" t="s">
        <v>114</v>
      </c>
      <c r="H58" s="17"/>
      <c r="I58" s="13">
        <v>245</v>
      </c>
      <c r="J58" s="19">
        <v>61</v>
      </c>
      <c r="K58" s="19">
        <v>184</v>
      </c>
    </row>
    <row r="59" spans="1:11" ht="20.100000000000001" customHeight="1">
      <c r="A59" s="17" t="s">
        <v>115</v>
      </c>
      <c r="B59" s="17"/>
      <c r="C59" s="13">
        <v>12519</v>
      </c>
      <c r="D59" s="14">
        <v>6478</v>
      </c>
      <c r="E59" s="14">
        <v>6041</v>
      </c>
      <c r="F59" s="14"/>
      <c r="G59" s="18" t="s">
        <v>116</v>
      </c>
      <c r="H59" s="17"/>
      <c r="I59" s="13">
        <v>515</v>
      </c>
      <c r="J59" s="14">
        <v>104</v>
      </c>
      <c r="K59" s="14">
        <v>411</v>
      </c>
    </row>
    <row r="60" spans="1:11" ht="15" customHeight="1">
      <c r="A60" s="17" t="s">
        <v>117</v>
      </c>
      <c r="B60" s="17"/>
      <c r="C60" s="13">
        <v>2291</v>
      </c>
      <c r="D60" s="19">
        <v>1195</v>
      </c>
      <c r="E60" s="19">
        <v>1096</v>
      </c>
      <c r="F60" s="19"/>
      <c r="G60" s="18" t="s">
        <v>118</v>
      </c>
      <c r="H60" s="17"/>
      <c r="I60" s="13">
        <v>192</v>
      </c>
      <c r="J60" s="19">
        <v>40</v>
      </c>
      <c r="K60" s="19">
        <v>152</v>
      </c>
    </row>
    <row r="61" spans="1:11" ht="15" customHeight="1">
      <c r="A61" s="17" t="s">
        <v>119</v>
      </c>
      <c r="B61" s="17"/>
      <c r="C61" s="13">
        <v>2523</v>
      </c>
      <c r="D61" s="19">
        <v>1318</v>
      </c>
      <c r="E61" s="19">
        <v>1205</v>
      </c>
      <c r="F61" s="19"/>
      <c r="G61" s="18" t="s">
        <v>120</v>
      </c>
      <c r="H61" s="17"/>
      <c r="I61" s="13">
        <v>123</v>
      </c>
      <c r="J61" s="19">
        <v>25</v>
      </c>
      <c r="K61" s="19">
        <v>98</v>
      </c>
    </row>
    <row r="62" spans="1:11" ht="15" customHeight="1">
      <c r="A62" s="17" t="s">
        <v>121</v>
      </c>
      <c r="B62" s="17"/>
      <c r="C62" s="13">
        <v>2639</v>
      </c>
      <c r="D62" s="19">
        <v>1328</v>
      </c>
      <c r="E62" s="19">
        <v>1311</v>
      </c>
      <c r="F62" s="19"/>
      <c r="G62" s="18" t="s">
        <v>122</v>
      </c>
      <c r="H62" s="17"/>
      <c r="I62" s="13">
        <v>87</v>
      </c>
      <c r="J62" s="19">
        <v>23</v>
      </c>
      <c r="K62" s="19">
        <v>64</v>
      </c>
    </row>
    <row r="63" spans="1:11" ht="15" customHeight="1">
      <c r="A63" s="17" t="s">
        <v>123</v>
      </c>
      <c r="B63" s="17"/>
      <c r="C63" s="13">
        <v>2559</v>
      </c>
      <c r="D63" s="19">
        <v>1358</v>
      </c>
      <c r="E63" s="19">
        <v>1201</v>
      </c>
      <c r="F63" s="19"/>
      <c r="G63" s="18" t="s">
        <v>124</v>
      </c>
      <c r="H63" s="17"/>
      <c r="I63" s="13">
        <v>75</v>
      </c>
      <c r="J63" s="19">
        <v>12</v>
      </c>
      <c r="K63" s="19">
        <v>63</v>
      </c>
    </row>
    <row r="64" spans="1:11" ht="15" customHeight="1">
      <c r="A64" s="17" t="s">
        <v>125</v>
      </c>
      <c r="B64" s="17"/>
      <c r="C64" s="13">
        <v>2507</v>
      </c>
      <c r="D64" s="19">
        <v>1279</v>
      </c>
      <c r="E64" s="19">
        <v>1228</v>
      </c>
      <c r="F64" s="19"/>
      <c r="G64" s="18" t="s">
        <v>126</v>
      </c>
      <c r="H64" s="17"/>
      <c r="I64" s="13">
        <v>38</v>
      </c>
      <c r="J64" s="19">
        <v>4</v>
      </c>
      <c r="K64" s="19">
        <v>3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5</v>
      </c>
      <c r="J65" s="19">
        <v>10</v>
      </c>
      <c r="K65" s="19">
        <v>6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899</v>
      </c>
      <c r="J66" s="29">
        <v>1814</v>
      </c>
      <c r="K66" s="29">
        <v>108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75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1531</v>
      </c>
      <c r="D4" s="14">
        <v>51344</v>
      </c>
      <c r="E4" s="14">
        <v>5018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511</v>
      </c>
      <c r="D5" s="14">
        <v>1830</v>
      </c>
      <c r="E5" s="14">
        <v>1681</v>
      </c>
      <c r="F5" s="14"/>
      <c r="G5" s="18" t="s">
        <v>8</v>
      </c>
      <c r="H5" s="17"/>
      <c r="I5" s="13">
        <v>7502</v>
      </c>
      <c r="J5" s="14">
        <v>3953</v>
      </c>
      <c r="K5" s="14">
        <v>3549</v>
      </c>
    </row>
    <row r="6" spans="1:11" ht="15" customHeight="1">
      <c r="A6" s="17" t="s">
        <v>9</v>
      </c>
      <c r="B6" s="17"/>
      <c r="C6" s="13">
        <v>685</v>
      </c>
      <c r="D6" s="19">
        <v>367</v>
      </c>
      <c r="E6" s="19">
        <v>318</v>
      </c>
      <c r="F6" s="19"/>
      <c r="G6" s="18" t="s">
        <v>10</v>
      </c>
      <c r="H6" s="17"/>
      <c r="I6" s="13">
        <v>1611</v>
      </c>
      <c r="J6" s="19">
        <v>806</v>
      </c>
      <c r="K6" s="19">
        <v>805</v>
      </c>
    </row>
    <row r="7" spans="1:11" ht="15" customHeight="1">
      <c r="A7" s="17" t="s">
        <v>11</v>
      </c>
      <c r="B7" s="17"/>
      <c r="C7" s="13">
        <v>694</v>
      </c>
      <c r="D7" s="19">
        <v>375</v>
      </c>
      <c r="E7" s="19">
        <v>319</v>
      </c>
      <c r="F7" s="19"/>
      <c r="G7" s="18" t="s">
        <v>12</v>
      </c>
      <c r="H7" s="17"/>
      <c r="I7" s="13">
        <v>1559</v>
      </c>
      <c r="J7" s="19">
        <v>834</v>
      </c>
      <c r="K7" s="19">
        <v>725</v>
      </c>
    </row>
    <row r="8" spans="1:11" ht="15" customHeight="1">
      <c r="A8" s="17" t="s">
        <v>13</v>
      </c>
      <c r="B8" s="17"/>
      <c r="C8" s="13">
        <v>689</v>
      </c>
      <c r="D8" s="19">
        <v>351</v>
      </c>
      <c r="E8" s="19">
        <v>338</v>
      </c>
      <c r="F8" s="19"/>
      <c r="G8" s="18" t="s">
        <v>14</v>
      </c>
      <c r="H8" s="17"/>
      <c r="I8" s="13">
        <v>1572</v>
      </c>
      <c r="J8" s="19">
        <v>863</v>
      </c>
      <c r="K8" s="19">
        <v>709</v>
      </c>
    </row>
    <row r="9" spans="1:11" ht="15" customHeight="1">
      <c r="A9" s="17" t="s">
        <v>15</v>
      </c>
      <c r="B9" s="17"/>
      <c r="C9" s="13">
        <v>706</v>
      </c>
      <c r="D9" s="19">
        <v>353</v>
      </c>
      <c r="E9" s="19">
        <v>353</v>
      </c>
      <c r="F9" s="19"/>
      <c r="G9" s="18" t="s">
        <v>16</v>
      </c>
      <c r="H9" s="17"/>
      <c r="I9" s="13">
        <v>1632</v>
      </c>
      <c r="J9" s="19">
        <v>851</v>
      </c>
      <c r="K9" s="19">
        <v>781</v>
      </c>
    </row>
    <row r="10" spans="1:11" ht="15" customHeight="1">
      <c r="A10" s="17" t="s">
        <v>17</v>
      </c>
      <c r="B10" s="17"/>
      <c r="C10" s="13">
        <v>737</v>
      </c>
      <c r="D10" s="19">
        <v>384</v>
      </c>
      <c r="E10" s="19">
        <v>353</v>
      </c>
      <c r="F10" s="19"/>
      <c r="G10" s="18" t="s">
        <v>18</v>
      </c>
      <c r="H10" s="17"/>
      <c r="I10" s="13">
        <v>1128</v>
      </c>
      <c r="J10" s="19">
        <v>599</v>
      </c>
      <c r="K10" s="19">
        <v>529</v>
      </c>
    </row>
    <row r="11" spans="1:11" ht="20.100000000000001" customHeight="1">
      <c r="A11" s="17" t="s">
        <v>19</v>
      </c>
      <c r="B11" s="17"/>
      <c r="C11" s="13">
        <v>3950</v>
      </c>
      <c r="D11" s="14">
        <v>1997</v>
      </c>
      <c r="E11" s="14">
        <v>1953</v>
      </c>
      <c r="F11" s="14"/>
      <c r="G11" s="18" t="s">
        <v>20</v>
      </c>
      <c r="H11" s="17"/>
      <c r="I11" s="13">
        <v>6401</v>
      </c>
      <c r="J11" s="14">
        <v>3366</v>
      </c>
      <c r="K11" s="14">
        <v>3035</v>
      </c>
    </row>
    <row r="12" spans="1:11" ht="15" customHeight="1">
      <c r="A12" s="17" t="s">
        <v>21</v>
      </c>
      <c r="B12" s="17"/>
      <c r="C12" s="13">
        <v>763</v>
      </c>
      <c r="D12" s="19">
        <v>385</v>
      </c>
      <c r="E12" s="19">
        <v>378</v>
      </c>
      <c r="F12" s="19"/>
      <c r="G12" s="18" t="s">
        <v>22</v>
      </c>
      <c r="H12" s="17"/>
      <c r="I12" s="13">
        <v>1432</v>
      </c>
      <c r="J12" s="19">
        <v>761</v>
      </c>
      <c r="K12" s="19">
        <v>671</v>
      </c>
    </row>
    <row r="13" spans="1:11" ht="15" customHeight="1">
      <c r="A13" s="17" t="s">
        <v>23</v>
      </c>
      <c r="B13" s="17"/>
      <c r="C13" s="13">
        <v>774</v>
      </c>
      <c r="D13" s="19">
        <v>403</v>
      </c>
      <c r="E13" s="19">
        <v>371</v>
      </c>
      <c r="F13" s="19"/>
      <c r="G13" s="18" t="s">
        <v>24</v>
      </c>
      <c r="H13" s="17"/>
      <c r="I13" s="13">
        <v>1324</v>
      </c>
      <c r="J13" s="19">
        <v>691</v>
      </c>
      <c r="K13" s="19">
        <v>633</v>
      </c>
    </row>
    <row r="14" spans="1:11" ht="15" customHeight="1">
      <c r="A14" s="17" t="s">
        <v>25</v>
      </c>
      <c r="B14" s="17"/>
      <c r="C14" s="13">
        <v>795</v>
      </c>
      <c r="D14" s="19">
        <v>399</v>
      </c>
      <c r="E14" s="19">
        <v>396</v>
      </c>
      <c r="F14" s="19"/>
      <c r="G14" s="18" t="s">
        <v>26</v>
      </c>
      <c r="H14" s="17"/>
      <c r="I14" s="13">
        <v>1230</v>
      </c>
      <c r="J14" s="19">
        <v>639</v>
      </c>
      <c r="K14" s="19">
        <v>591</v>
      </c>
    </row>
    <row r="15" spans="1:11" ht="15" customHeight="1">
      <c r="A15" s="17" t="s">
        <v>27</v>
      </c>
      <c r="B15" s="17"/>
      <c r="C15" s="13">
        <v>820</v>
      </c>
      <c r="D15" s="19">
        <v>417</v>
      </c>
      <c r="E15" s="19">
        <v>403</v>
      </c>
      <c r="F15" s="19"/>
      <c r="G15" s="18" t="s">
        <v>28</v>
      </c>
      <c r="H15" s="17"/>
      <c r="I15" s="13">
        <v>1198</v>
      </c>
      <c r="J15" s="19">
        <v>623</v>
      </c>
      <c r="K15" s="19">
        <v>575</v>
      </c>
    </row>
    <row r="16" spans="1:11" ht="15" customHeight="1">
      <c r="A16" s="17" t="s">
        <v>29</v>
      </c>
      <c r="B16" s="17"/>
      <c r="C16" s="13">
        <v>798</v>
      </c>
      <c r="D16" s="19">
        <v>393</v>
      </c>
      <c r="E16" s="19">
        <v>405</v>
      </c>
      <c r="F16" s="19"/>
      <c r="G16" s="18" t="s">
        <v>30</v>
      </c>
      <c r="H16" s="17"/>
      <c r="I16" s="13">
        <v>1217</v>
      </c>
      <c r="J16" s="19">
        <v>652</v>
      </c>
      <c r="K16" s="19">
        <v>565</v>
      </c>
    </row>
    <row r="17" spans="1:11" ht="20.100000000000001" customHeight="1">
      <c r="A17" s="20" t="s">
        <v>31</v>
      </c>
      <c r="B17" s="20"/>
      <c r="C17" s="13">
        <v>4138</v>
      </c>
      <c r="D17" s="14">
        <v>2078</v>
      </c>
      <c r="E17" s="14">
        <v>2060</v>
      </c>
      <c r="F17" s="14"/>
      <c r="G17" s="18" t="s">
        <v>32</v>
      </c>
      <c r="H17" s="17"/>
      <c r="I17" s="13">
        <v>5218</v>
      </c>
      <c r="J17" s="14">
        <v>2648</v>
      </c>
      <c r="K17" s="14">
        <v>2570</v>
      </c>
    </row>
    <row r="18" spans="1:11" ht="15" customHeight="1">
      <c r="A18" s="17" t="s">
        <v>33</v>
      </c>
      <c r="B18" s="17"/>
      <c r="C18" s="13">
        <v>778</v>
      </c>
      <c r="D18" s="19">
        <v>399</v>
      </c>
      <c r="E18" s="19">
        <v>379</v>
      </c>
      <c r="F18" s="19"/>
      <c r="G18" s="18" t="s">
        <v>34</v>
      </c>
      <c r="H18" s="17"/>
      <c r="I18" s="13">
        <v>1082</v>
      </c>
      <c r="J18" s="19">
        <v>530</v>
      </c>
      <c r="K18" s="19">
        <v>552</v>
      </c>
    </row>
    <row r="19" spans="1:11" ht="15" customHeight="1">
      <c r="A19" s="17" t="s">
        <v>35</v>
      </c>
      <c r="B19" s="17"/>
      <c r="C19" s="13">
        <v>798</v>
      </c>
      <c r="D19" s="19">
        <v>393</v>
      </c>
      <c r="E19" s="19">
        <v>405</v>
      </c>
      <c r="F19" s="19"/>
      <c r="G19" s="18" t="s">
        <v>36</v>
      </c>
      <c r="H19" s="17"/>
      <c r="I19" s="13">
        <v>1070</v>
      </c>
      <c r="J19" s="19">
        <v>575</v>
      </c>
      <c r="K19" s="19">
        <v>495</v>
      </c>
    </row>
    <row r="20" spans="1:11" ht="15" customHeight="1">
      <c r="A20" s="17" t="s">
        <v>37</v>
      </c>
      <c r="B20" s="17"/>
      <c r="C20" s="13">
        <v>852</v>
      </c>
      <c r="D20" s="19">
        <v>406</v>
      </c>
      <c r="E20" s="19">
        <v>446</v>
      </c>
      <c r="F20" s="19"/>
      <c r="G20" s="18" t="s">
        <v>38</v>
      </c>
      <c r="H20" s="17"/>
      <c r="I20" s="13">
        <v>1070</v>
      </c>
      <c r="J20" s="19">
        <v>516</v>
      </c>
      <c r="K20" s="19">
        <v>554</v>
      </c>
    </row>
    <row r="21" spans="1:11" ht="15" customHeight="1">
      <c r="A21" s="17" t="s">
        <v>39</v>
      </c>
      <c r="B21" s="17"/>
      <c r="C21" s="13">
        <v>847</v>
      </c>
      <c r="D21" s="19">
        <v>418</v>
      </c>
      <c r="E21" s="19">
        <v>429</v>
      </c>
      <c r="F21" s="19"/>
      <c r="G21" s="18" t="s">
        <v>40</v>
      </c>
      <c r="H21" s="17"/>
      <c r="I21" s="13">
        <v>985</v>
      </c>
      <c r="J21" s="19">
        <v>505</v>
      </c>
      <c r="K21" s="19">
        <v>480</v>
      </c>
    </row>
    <row r="22" spans="1:11" ht="15" customHeight="1">
      <c r="A22" s="17" t="s">
        <v>41</v>
      </c>
      <c r="B22" s="17"/>
      <c r="C22" s="13">
        <v>863</v>
      </c>
      <c r="D22" s="19">
        <v>462</v>
      </c>
      <c r="E22" s="19">
        <v>401</v>
      </c>
      <c r="F22" s="19"/>
      <c r="G22" s="18" t="s">
        <v>42</v>
      </c>
      <c r="H22" s="17"/>
      <c r="I22" s="13">
        <v>1011</v>
      </c>
      <c r="J22" s="19">
        <v>522</v>
      </c>
      <c r="K22" s="19">
        <v>489</v>
      </c>
    </row>
    <row r="23" spans="1:11" ht="20.100000000000001" customHeight="1">
      <c r="A23" s="17" t="s">
        <v>43</v>
      </c>
      <c r="B23" s="17"/>
      <c r="C23" s="13">
        <v>4655</v>
      </c>
      <c r="D23" s="14">
        <v>2426</v>
      </c>
      <c r="E23" s="14">
        <v>2229</v>
      </c>
      <c r="F23" s="14"/>
      <c r="G23" s="18" t="s">
        <v>44</v>
      </c>
      <c r="H23" s="17"/>
      <c r="I23" s="13">
        <v>5936</v>
      </c>
      <c r="J23" s="14">
        <v>2951</v>
      </c>
      <c r="K23" s="14">
        <v>2985</v>
      </c>
    </row>
    <row r="24" spans="1:11" ht="15" customHeight="1">
      <c r="A24" s="17" t="s">
        <v>45</v>
      </c>
      <c r="B24" s="17"/>
      <c r="C24" s="13">
        <v>829</v>
      </c>
      <c r="D24" s="19">
        <v>426</v>
      </c>
      <c r="E24" s="19">
        <v>403</v>
      </c>
      <c r="F24" s="19"/>
      <c r="G24" s="18" t="s">
        <v>46</v>
      </c>
      <c r="H24" s="17"/>
      <c r="I24" s="13">
        <v>1146</v>
      </c>
      <c r="J24" s="19">
        <v>602</v>
      </c>
      <c r="K24" s="19">
        <v>544</v>
      </c>
    </row>
    <row r="25" spans="1:11" ht="15" customHeight="1">
      <c r="A25" s="17" t="s">
        <v>47</v>
      </c>
      <c r="B25" s="17"/>
      <c r="C25" s="13">
        <v>896</v>
      </c>
      <c r="D25" s="19">
        <v>462</v>
      </c>
      <c r="E25" s="19">
        <v>434</v>
      </c>
      <c r="F25" s="19"/>
      <c r="G25" s="18" t="s">
        <v>48</v>
      </c>
      <c r="H25" s="17"/>
      <c r="I25" s="13">
        <v>1119</v>
      </c>
      <c r="J25" s="19">
        <v>559</v>
      </c>
      <c r="K25" s="19">
        <v>560</v>
      </c>
    </row>
    <row r="26" spans="1:11" ht="15" customHeight="1">
      <c r="A26" s="17" t="s">
        <v>49</v>
      </c>
      <c r="B26" s="17"/>
      <c r="C26" s="13">
        <v>870</v>
      </c>
      <c r="D26" s="19">
        <v>458</v>
      </c>
      <c r="E26" s="19">
        <v>412</v>
      </c>
      <c r="F26" s="19"/>
      <c r="G26" s="18" t="s">
        <v>50</v>
      </c>
      <c r="H26" s="17"/>
      <c r="I26" s="13">
        <v>1127</v>
      </c>
      <c r="J26" s="19">
        <v>547</v>
      </c>
      <c r="K26" s="19">
        <v>580</v>
      </c>
    </row>
    <row r="27" spans="1:11" ht="15" customHeight="1">
      <c r="A27" s="17" t="s">
        <v>51</v>
      </c>
      <c r="B27" s="17"/>
      <c r="C27" s="13">
        <v>945</v>
      </c>
      <c r="D27" s="19">
        <v>483</v>
      </c>
      <c r="E27" s="19">
        <v>462</v>
      </c>
      <c r="F27" s="19"/>
      <c r="G27" s="18" t="s">
        <v>52</v>
      </c>
      <c r="H27" s="17"/>
      <c r="I27" s="13">
        <v>1211</v>
      </c>
      <c r="J27" s="19">
        <v>600</v>
      </c>
      <c r="K27" s="19">
        <v>611</v>
      </c>
    </row>
    <row r="28" spans="1:11" ht="15" customHeight="1">
      <c r="A28" s="17" t="s">
        <v>53</v>
      </c>
      <c r="B28" s="17"/>
      <c r="C28" s="13">
        <v>1115</v>
      </c>
      <c r="D28" s="19">
        <v>597</v>
      </c>
      <c r="E28" s="19">
        <v>518</v>
      </c>
      <c r="F28" s="19"/>
      <c r="G28" s="18" t="s">
        <v>54</v>
      </c>
      <c r="H28" s="17"/>
      <c r="I28" s="13">
        <v>1333</v>
      </c>
      <c r="J28" s="19">
        <v>643</v>
      </c>
      <c r="K28" s="19">
        <v>690</v>
      </c>
    </row>
    <row r="29" spans="1:11" ht="20.100000000000001" customHeight="1">
      <c r="A29" s="17" t="s">
        <v>55</v>
      </c>
      <c r="B29" s="17"/>
      <c r="C29" s="13">
        <v>5768</v>
      </c>
      <c r="D29" s="14">
        <v>3095</v>
      </c>
      <c r="E29" s="14">
        <v>2673</v>
      </c>
      <c r="F29" s="14"/>
      <c r="G29" s="18" t="s">
        <v>56</v>
      </c>
      <c r="H29" s="17"/>
      <c r="I29" s="13">
        <v>7129</v>
      </c>
      <c r="J29" s="14">
        <v>3382</v>
      </c>
      <c r="K29" s="14">
        <v>3747</v>
      </c>
    </row>
    <row r="30" spans="1:11" ht="15" customHeight="1">
      <c r="A30" s="17" t="s">
        <v>57</v>
      </c>
      <c r="B30" s="17"/>
      <c r="C30" s="13">
        <v>1165</v>
      </c>
      <c r="D30" s="19">
        <v>627</v>
      </c>
      <c r="E30" s="19">
        <v>538</v>
      </c>
      <c r="F30" s="19"/>
      <c r="G30" s="18" t="s">
        <v>58</v>
      </c>
      <c r="H30" s="17"/>
      <c r="I30" s="13">
        <v>1407</v>
      </c>
      <c r="J30" s="19">
        <v>662</v>
      </c>
      <c r="K30" s="19">
        <v>745</v>
      </c>
    </row>
    <row r="31" spans="1:11" ht="15" customHeight="1">
      <c r="A31" s="17" t="s">
        <v>59</v>
      </c>
      <c r="B31" s="17"/>
      <c r="C31" s="13">
        <v>1165</v>
      </c>
      <c r="D31" s="19">
        <v>624</v>
      </c>
      <c r="E31" s="19">
        <v>541</v>
      </c>
      <c r="F31" s="19"/>
      <c r="G31" s="18" t="s">
        <v>60</v>
      </c>
      <c r="H31" s="17"/>
      <c r="I31" s="13">
        <v>1576</v>
      </c>
      <c r="J31" s="19">
        <v>741</v>
      </c>
      <c r="K31" s="19">
        <v>835</v>
      </c>
    </row>
    <row r="32" spans="1:11" ht="15" customHeight="1">
      <c r="A32" s="17" t="s">
        <v>61</v>
      </c>
      <c r="B32" s="17"/>
      <c r="C32" s="13">
        <v>1150</v>
      </c>
      <c r="D32" s="19">
        <v>622</v>
      </c>
      <c r="E32" s="19">
        <v>528</v>
      </c>
      <c r="F32" s="19"/>
      <c r="G32" s="18" t="s">
        <v>62</v>
      </c>
      <c r="H32" s="17"/>
      <c r="I32" s="13">
        <v>1535</v>
      </c>
      <c r="J32" s="19">
        <v>766</v>
      </c>
      <c r="K32" s="19">
        <v>769</v>
      </c>
    </row>
    <row r="33" spans="1:11" ht="15" customHeight="1">
      <c r="A33" s="17" t="s">
        <v>63</v>
      </c>
      <c r="B33" s="17"/>
      <c r="C33" s="13">
        <v>1122</v>
      </c>
      <c r="D33" s="19">
        <v>597</v>
      </c>
      <c r="E33" s="19">
        <v>525</v>
      </c>
      <c r="F33" s="19"/>
      <c r="G33" s="18" t="s">
        <v>64</v>
      </c>
      <c r="H33" s="17"/>
      <c r="I33" s="13">
        <v>1499</v>
      </c>
      <c r="J33" s="19">
        <v>704</v>
      </c>
      <c r="K33" s="19">
        <v>795</v>
      </c>
    </row>
    <row r="34" spans="1:11" ht="15" customHeight="1">
      <c r="A34" s="17" t="s">
        <v>65</v>
      </c>
      <c r="B34" s="17"/>
      <c r="C34" s="13">
        <v>1166</v>
      </c>
      <c r="D34" s="19">
        <v>625</v>
      </c>
      <c r="E34" s="19">
        <v>541</v>
      </c>
      <c r="F34" s="19"/>
      <c r="G34" s="18" t="s">
        <v>66</v>
      </c>
      <c r="H34" s="17"/>
      <c r="I34" s="13">
        <v>1112</v>
      </c>
      <c r="J34" s="19">
        <v>509</v>
      </c>
      <c r="K34" s="19">
        <v>603</v>
      </c>
    </row>
    <row r="35" spans="1:11" ht="20.100000000000001" customHeight="1">
      <c r="A35" s="17" t="s">
        <v>67</v>
      </c>
      <c r="B35" s="17"/>
      <c r="C35" s="13">
        <v>5744</v>
      </c>
      <c r="D35" s="14">
        <v>3170</v>
      </c>
      <c r="E35" s="14">
        <v>2574</v>
      </c>
      <c r="F35" s="14"/>
      <c r="G35" s="18" t="s">
        <v>68</v>
      </c>
      <c r="H35" s="17"/>
      <c r="I35" s="13">
        <v>5703</v>
      </c>
      <c r="J35" s="14">
        <v>2670</v>
      </c>
      <c r="K35" s="14">
        <v>3033</v>
      </c>
    </row>
    <row r="36" spans="1:11" ht="15" customHeight="1">
      <c r="A36" s="17" t="s">
        <v>69</v>
      </c>
      <c r="B36" s="17"/>
      <c r="C36" s="13">
        <v>1191</v>
      </c>
      <c r="D36" s="19">
        <v>631</v>
      </c>
      <c r="E36" s="19">
        <v>560</v>
      </c>
      <c r="F36" s="19"/>
      <c r="G36" s="18" t="s">
        <v>70</v>
      </c>
      <c r="H36" s="17"/>
      <c r="I36" s="13">
        <v>967</v>
      </c>
      <c r="J36" s="19">
        <v>464</v>
      </c>
      <c r="K36" s="19">
        <v>503</v>
      </c>
    </row>
    <row r="37" spans="1:11" ht="15" customHeight="1">
      <c r="A37" s="17" t="s">
        <v>71</v>
      </c>
      <c r="B37" s="17"/>
      <c r="C37" s="13">
        <v>1174</v>
      </c>
      <c r="D37" s="19">
        <v>648</v>
      </c>
      <c r="E37" s="19">
        <v>526</v>
      </c>
      <c r="F37" s="19"/>
      <c r="G37" s="18" t="s">
        <v>72</v>
      </c>
      <c r="H37" s="17"/>
      <c r="I37" s="13">
        <v>1165</v>
      </c>
      <c r="J37" s="19">
        <v>553</v>
      </c>
      <c r="K37" s="19">
        <v>612</v>
      </c>
    </row>
    <row r="38" spans="1:11" ht="15" customHeight="1">
      <c r="A38" s="17" t="s">
        <v>73</v>
      </c>
      <c r="B38" s="17"/>
      <c r="C38" s="13">
        <v>1128</v>
      </c>
      <c r="D38" s="19">
        <v>657</v>
      </c>
      <c r="E38" s="19">
        <v>471</v>
      </c>
      <c r="F38" s="19"/>
      <c r="G38" s="18" t="s">
        <v>74</v>
      </c>
      <c r="H38" s="17"/>
      <c r="I38" s="13">
        <v>1270</v>
      </c>
      <c r="J38" s="19">
        <v>573</v>
      </c>
      <c r="K38" s="19">
        <v>697</v>
      </c>
    </row>
    <row r="39" spans="1:11" ht="15" customHeight="1">
      <c r="A39" s="17" t="s">
        <v>75</v>
      </c>
      <c r="B39" s="17"/>
      <c r="C39" s="13">
        <v>1106</v>
      </c>
      <c r="D39" s="19">
        <v>615</v>
      </c>
      <c r="E39" s="19">
        <v>491</v>
      </c>
      <c r="F39" s="19"/>
      <c r="G39" s="18" t="s">
        <v>76</v>
      </c>
      <c r="H39" s="17"/>
      <c r="I39" s="13">
        <v>1186</v>
      </c>
      <c r="J39" s="19">
        <v>539</v>
      </c>
      <c r="K39" s="19">
        <v>647</v>
      </c>
    </row>
    <row r="40" spans="1:11" ht="15" customHeight="1">
      <c r="A40" s="17" t="s">
        <v>77</v>
      </c>
      <c r="B40" s="17"/>
      <c r="C40" s="13">
        <v>1145</v>
      </c>
      <c r="D40" s="19">
        <v>619</v>
      </c>
      <c r="E40" s="19">
        <v>526</v>
      </c>
      <c r="F40" s="19"/>
      <c r="G40" s="18" t="s">
        <v>78</v>
      </c>
      <c r="H40" s="17"/>
      <c r="I40" s="13">
        <v>1115</v>
      </c>
      <c r="J40" s="19">
        <v>541</v>
      </c>
      <c r="K40" s="19">
        <v>574</v>
      </c>
    </row>
    <row r="41" spans="1:11" ht="20.100000000000001" customHeight="1">
      <c r="A41" s="17" t="s">
        <v>79</v>
      </c>
      <c r="B41" s="17"/>
      <c r="C41" s="13">
        <v>5363</v>
      </c>
      <c r="D41" s="14">
        <v>2900</v>
      </c>
      <c r="E41" s="14">
        <v>2463</v>
      </c>
      <c r="F41" s="14"/>
      <c r="G41" s="18" t="s">
        <v>80</v>
      </c>
      <c r="H41" s="17"/>
      <c r="I41" s="13">
        <v>4011</v>
      </c>
      <c r="J41" s="14">
        <v>1802</v>
      </c>
      <c r="K41" s="14">
        <v>2209</v>
      </c>
    </row>
    <row r="42" spans="1:11" ht="15" customHeight="1">
      <c r="A42" s="17" t="s">
        <v>81</v>
      </c>
      <c r="B42" s="17"/>
      <c r="C42" s="13">
        <v>1075</v>
      </c>
      <c r="D42" s="19">
        <v>594</v>
      </c>
      <c r="E42" s="19">
        <v>481</v>
      </c>
      <c r="F42" s="19"/>
      <c r="G42" s="18" t="s">
        <v>82</v>
      </c>
      <c r="H42" s="17"/>
      <c r="I42" s="13">
        <v>1006</v>
      </c>
      <c r="J42" s="19">
        <v>475</v>
      </c>
      <c r="K42" s="19">
        <v>531</v>
      </c>
    </row>
    <row r="43" spans="1:11" ht="15" customHeight="1">
      <c r="A43" s="17" t="s">
        <v>83</v>
      </c>
      <c r="B43" s="17"/>
      <c r="C43" s="13">
        <v>1063</v>
      </c>
      <c r="D43" s="19">
        <v>541</v>
      </c>
      <c r="E43" s="19">
        <v>522</v>
      </c>
      <c r="F43" s="19"/>
      <c r="G43" s="18" t="s">
        <v>84</v>
      </c>
      <c r="H43" s="17"/>
      <c r="I43" s="13">
        <v>780</v>
      </c>
      <c r="J43" s="19">
        <v>370</v>
      </c>
      <c r="K43" s="19">
        <v>410</v>
      </c>
    </row>
    <row r="44" spans="1:11" ht="15" customHeight="1">
      <c r="A44" s="17" t="s">
        <v>85</v>
      </c>
      <c r="B44" s="17"/>
      <c r="C44" s="13">
        <v>1093</v>
      </c>
      <c r="D44" s="19">
        <v>600</v>
      </c>
      <c r="E44" s="19">
        <v>493</v>
      </c>
      <c r="F44" s="19"/>
      <c r="G44" s="18" t="s">
        <v>86</v>
      </c>
      <c r="H44" s="17"/>
      <c r="I44" s="13">
        <v>758</v>
      </c>
      <c r="J44" s="19">
        <v>340</v>
      </c>
      <c r="K44" s="19">
        <v>418</v>
      </c>
    </row>
    <row r="45" spans="1:11" ht="15" customHeight="1">
      <c r="A45" s="17" t="s">
        <v>87</v>
      </c>
      <c r="B45" s="17"/>
      <c r="C45" s="13">
        <v>1128</v>
      </c>
      <c r="D45" s="19">
        <v>601</v>
      </c>
      <c r="E45" s="19">
        <v>527</v>
      </c>
      <c r="F45" s="19"/>
      <c r="G45" s="18" t="s">
        <v>88</v>
      </c>
      <c r="H45" s="17"/>
      <c r="I45" s="13">
        <v>803</v>
      </c>
      <c r="J45" s="19">
        <v>328</v>
      </c>
      <c r="K45" s="19">
        <v>475</v>
      </c>
    </row>
    <row r="46" spans="1:11" ht="15" customHeight="1">
      <c r="A46" s="17" t="s">
        <v>89</v>
      </c>
      <c r="B46" s="17"/>
      <c r="C46" s="13">
        <v>1004</v>
      </c>
      <c r="D46" s="19">
        <v>564</v>
      </c>
      <c r="E46" s="19">
        <v>440</v>
      </c>
      <c r="F46" s="19"/>
      <c r="G46" s="18" t="s">
        <v>90</v>
      </c>
      <c r="H46" s="17"/>
      <c r="I46" s="13">
        <v>664</v>
      </c>
      <c r="J46" s="19">
        <v>289</v>
      </c>
      <c r="K46" s="19">
        <v>375</v>
      </c>
    </row>
    <row r="47" spans="1:11" ht="20.100000000000001" customHeight="1">
      <c r="A47" s="17" t="s">
        <v>91</v>
      </c>
      <c r="B47" s="17"/>
      <c r="C47" s="13">
        <v>5860</v>
      </c>
      <c r="D47" s="14">
        <v>3114</v>
      </c>
      <c r="E47" s="14">
        <v>2746</v>
      </c>
      <c r="F47" s="14"/>
      <c r="G47" s="18" t="s">
        <v>92</v>
      </c>
      <c r="H47" s="17"/>
      <c r="I47" s="13">
        <v>2388</v>
      </c>
      <c r="J47" s="14">
        <v>963</v>
      </c>
      <c r="K47" s="14">
        <v>1425</v>
      </c>
    </row>
    <row r="48" spans="1:11" ht="15" customHeight="1">
      <c r="A48" s="17" t="s">
        <v>93</v>
      </c>
      <c r="B48" s="17"/>
      <c r="C48" s="13">
        <v>1129</v>
      </c>
      <c r="D48" s="19">
        <v>584</v>
      </c>
      <c r="E48" s="19">
        <v>545</v>
      </c>
      <c r="F48" s="19"/>
      <c r="G48" s="18" t="s">
        <v>94</v>
      </c>
      <c r="H48" s="17"/>
      <c r="I48" s="13">
        <v>659</v>
      </c>
      <c r="J48" s="19">
        <v>268</v>
      </c>
      <c r="K48" s="19">
        <v>391</v>
      </c>
    </row>
    <row r="49" spans="1:11" ht="15" customHeight="1">
      <c r="A49" s="17" t="s">
        <v>95</v>
      </c>
      <c r="B49" s="17"/>
      <c r="C49" s="13">
        <v>1154</v>
      </c>
      <c r="D49" s="19">
        <v>628</v>
      </c>
      <c r="E49" s="19">
        <v>526</v>
      </c>
      <c r="F49" s="19"/>
      <c r="G49" s="18" t="s">
        <v>96</v>
      </c>
      <c r="H49" s="17"/>
      <c r="I49" s="13">
        <v>495</v>
      </c>
      <c r="J49" s="19">
        <v>218</v>
      </c>
      <c r="K49" s="19">
        <v>277</v>
      </c>
    </row>
    <row r="50" spans="1:11" ht="15" customHeight="1">
      <c r="A50" s="17" t="s">
        <v>97</v>
      </c>
      <c r="B50" s="17"/>
      <c r="C50" s="13">
        <v>1193</v>
      </c>
      <c r="D50" s="19">
        <v>628</v>
      </c>
      <c r="E50" s="19">
        <v>565</v>
      </c>
      <c r="F50" s="19"/>
      <c r="G50" s="18" t="s">
        <v>98</v>
      </c>
      <c r="H50" s="17"/>
      <c r="I50" s="13">
        <v>442</v>
      </c>
      <c r="J50" s="19">
        <v>190</v>
      </c>
      <c r="K50" s="19">
        <v>252</v>
      </c>
    </row>
    <row r="51" spans="1:11" ht="15" customHeight="1">
      <c r="A51" s="17" t="s">
        <v>99</v>
      </c>
      <c r="B51" s="17"/>
      <c r="C51" s="13">
        <v>1228</v>
      </c>
      <c r="D51" s="19">
        <v>690</v>
      </c>
      <c r="E51" s="19">
        <v>538</v>
      </c>
      <c r="F51" s="19"/>
      <c r="G51" s="18" t="s">
        <v>100</v>
      </c>
      <c r="H51" s="17"/>
      <c r="I51" s="13">
        <v>430</v>
      </c>
      <c r="J51" s="19">
        <v>164</v>
      </c>
      <c r="K51" s="19">
        <v>266</v>
      </c>
    </row>
    <row r="52" spans="1:11" ht="15" customHeight="1">
      <c r="A52" s="17" t="s">
        <v>101</v>
      </c>
      <c r="B52" s="17"/>
      <c r="C52" s="13">
        <v>1156</v>
      </c>
      <c r="D52" s="19">
        <v>584</v>
      </c>
      <c r="E52" s="19">
        <v>572</v>
      </c>
      <c r="F52" s="19"/>
      <c r="G52" s="18" t="s">
        <v>102</v>
      </c>
      <c r="H52" s="17"/>
      <c r="I52" s="13">
        <v>362</v>
      </c>
      <c r="J52" s="19">
        <v>123</v>
      </c>
      <c r="K52" s="19">
        <v>239</v>
      </c>
    </row>
    <row r="53" spans="1:11" ht="20.100000000000001" customHeight="1">
      <c r="A53" s="17" t="s">
        <v>103</v>
      </c>
      <c r="B53" s="17"/>
      <c r="C53" s="13">
        <v>6672</v>
      </c>
      <c r="D53" s="14">
        <v>3486</v>
      </c>
      <c r="E53" s="14">
        <v>3186</v>
      </c>
      <c r="F53" s="14"/>
      <c r="G53" s="18" t="s">
        <v>104</v>
      </c>
      <c r="H53" s="17"/>
      <c r="I53" s="13">
        <v>1106</v>
      </c>
      <c r="J53" s="14">
        <v>322</v>
      </c>
      <c r="K53" s="14">
        <v>784</v>
      </c>
    </row>
    <row r="54" spans="1:11" ht="15" customHeight="1">
      <c r="A54" s="17" t="s">
        <v>105</v>
      </c>
      <c r="B54" s="17"/>
      <c r="C54" s="13">
        <v>1257</v>
      </c>
      <c r="D54" s="19">
        <v>650</v>
      </c>
      <c r="E54" s="19">
        <v>607</v>
      </c>
      <c r="F54" s="19"/>
      <c r="G54" s="18" t="s">
        <v>106</v>
      </c>
      <c r="H54" s="17"/>
      <c r="I54" s="13">
        <v>288</v>
      </c>
      <c r="J54" s="19">
        <v>89</v>
      </c>
      <c r="K54" s="19">
        <v>199</v>
      </c>
    </row>
    <row r="55" spans="1:11" ht="15" customHeight="1">
      <c r="A55" s="17" t="s">
        <v>107</v>
      </c>
      <c r="B55" s="17"/>
      <c r="C55" s="13">
        <v>1254</v>
      </c>
      <c r="D55" s="19">
        <v>657</v>
      </c>
      <c r="E55" s="19">
        <v>597</v>
      </c>
      <c r="F55" s="19"/>
      <c r="G55" s="18" t="s">
        <v>108</v>
      </c>
      <c r="H55" s="17"/>
      <c r="I55" s="13">
        <v>255</v>
      </c>
      <c r="J55" s="19">
        <v>74</v>
      </c>
      <c r="K55" s="19">
        <v>181</v>
      </c>
    </row>
    <row r="56" spans="1:11" ht="15" customHeight="1">
      <c r="A56" s="17" t="s">
        <v>109</v>
      </c>
      <c r="B56" s="17"/>
      <c r="C56" s="13">
        <v>1372</v>
      </c>
      <c r="D56" s="19">
        <v>730</v>
      </c>
      <c r="E56" s="19">
        <v>642</v>
      </c>
      <c r="F56" s="19"/>
      <c r="G56" s="18" t="s">
        <v>110</v>
      </c>
      <c r="H56" s="17"/>
      <c r="I56" s="13">
        <v>227</v>
      </c>
      <c r="J56" s="19">
        <v>68</v>
      </c>
      <c r="K56" s="19">
        <v>159</v>
      </c>
    </row>
    <row r="57" spans="1:11" ht="15" customHeight="1">
      <c r="A57" s="17" t="s">
        <v>111</v>
      </c>
      <c r="B57" s="17"/>
      <c r="C57" s="13">
        <v>1378</v>
      </c>
      <c r="D57" s="19">
        <v>728</v>
      </c>
      <c r="E57" s="19">
        <v>650</v>
      </c>
      <c r="F57" s="19"/>
      <c r="G57" s="18" t="s">
        <v>112</v>
      </c>
      <c r="H57" s="17"/>
      <c r="I57" s="13">
        <v>178</v>
      </c>
      <c r="J57" s="19">
        <v>52</v>
      </c>
      <c r="K57" s="19">
        <v>126</v>
      </c>
    </row>
    <row r="58" spans="1:11" ht="15" customHeight="1">
      <c r="A58" s="17" t="s">
        <v>113</v>
      </c>
      <c r="B58" s="17"/>
      <c r="C58" s="13">
        <v>1411</v>
      </c>
      <c r="D58" s="19">
        <v>721</v>
      </c>
      <c r="E58" s="19">
        <v>690</v>
      </c>
      <c r="F58" s="19"/>
      <c r="G58" s="18" t="s">
        <v>114</v>
      </c>
      <c r="H58" s="17"/>
      <c r="I58" s="13">
        <v>158</v>
      </c>
      <c r="J58" s="19">
        <v>39</v>
      </c>
      <c r="K58" s="19">
        <v>119</v>
      </c>
    </row>
    <row r="59" spans="1:11" ht="20.100000000000001" customHeight="1">
      <c r="A59" s="17" t="s">
        <v>115</v>
      </c>
      <c r="B59" s="17"/>
      <c r="C59" s="13">
        <v>8187</v>
      </c>
      <c r="D59" s="14">
        <v>4221</v>
      </c>
      <c r="E59" s="14">
        <v>3966</v>
      </c>
      <c r="F59" s="14"/>
      <c r="G59" s="18" t="s">
        <v>116</v>
      </c>
      <c r="H59" s="17"/>
      <c r="I59" s="13">
        <v>331</v>
      </c>
      <c r="J59" s="14">
        <v>63</v>
      </c>
      <c r="K59" s="14">
        <v>268</v>
      </c>
    </row>
    <row r="60" spans="1:11" ht="15" customHeight="1">
      <c r="A60" s="17" t="s">
        <v>117</v>
      </c>
      <c r="B60" s="17"/>
      <c r="C60" s="13">
        <v>1531</v>
      </c>
      <c r="D60" s="19">
        <v>768</v>
      </c>
      <c r="E60" s="19">
        <v>763</v>
      </c>
      <c r="F60" s="19"/>
      <c r="G60" s="18" t="s">
        <v>118</v>
      </c>
      <c r="H60" s="17"/>
      <c r="I60" s="13">
        <v>132</v>
      </c>
      <c r="J60" s="19">
        <v>21</v>
      </c>
      <c r="K60" s="19">
        <v>111</v>
      </c>
    </row>
    <row r="61" spans="1:11" ht="15" customHeight="1">
      <c r="A61" s="17" t="s">
        <v>119</v>
      </c>
      <c r="B61" s="17"/>
      <c r="C61" s="13">
        <v>1592</v>
      </c>
      <c r="D61" s="19">
        <v>805</v>
      </c>
      <c r="E61" s="19">
        <v>787</v>
      </c>
      <c r="F61" s="19"/>
      <c r="G61" s="18" t="s">
        <v>120</v>
      </c>
      <c r="H61" s="17"/>
      <c r="I61" s="13">
        <v>70</v>
      </c>
      <c r="J61" s="19">
        <v>16</v>
      </c>
      <c r="K61" s="19">
        <v>54</v>
      </c>
    </row>
    <row r="62" spans="1:11" ht="15" customHeight="1">
      <c r="A62" s="17" t="s">
        <v>121</v>
      </c>
      <c r="B62" s="17"/>
      <c r="C62" s="13">
        <v>1693</v>
      </c>
      <c r="D62" s="19">
        <v>897</v>
      </c>
      <c r="E62" s="19">
        <v>796</v>
      </c>
      <c r="F62" s="19"/>
      <c r="G62" s="18" t="s">
        <v>122</v>
      </c>
      <c r="H62" s="17"/>
      <c r="I62" s="13">
        <v>66</v>
      </c>
      <c r="J62" s="19">
        <v>13</v>
      </c>
      <c r="K62" s="19">
        <v>53</v>
      </c>
    </row>
    <row r="63" spans="1:11" ht="15" customHeight="1">
      <c r="A63" s="17" t="s">
        <v>123</v>
      </c>
      <c r="B63" s="17"/>
      <c r="C63" s="13">
        <v>1724</v>
      </c>
      <c r="D63" s="19">
        <v>901</v>
      </c>
      <c r="E63" s="19">
        <v>823</v>
      </c>
      <c r="F63" s="19"/>
      <c r="G63" s="18" t="s">
        <v>124</v>
      </c>
      <c r="H63" s="17"/>
      <c r="I63" s="13">
        <v>37</v>
      </c>
      <c r="J63" s="19">
        <v>8</v>
      </c>
      <c r="K63" s="19">
        <v>29</v>
      </c>
    </row>
    <row r="64" spans="1:11" ht="15" customHeight="1">
      <c r="A64" s="17" t="s">
        <v>125</v>
      </c>
      <c r="B64" s="17"/>
      <c r="C64" s="13">
        <v>1647</v>
      </c>
      <c r="D64" s="19">
        <v>850</v>
      </c>
      <c r="E64" s="19">
        <v>797</v>
      </c>
      <c r="F64" s="19"/>
      <c r="G64" s="18" t="s">
        <v>126</v>
      </c>
      <c r="H64" s="17"/>
      <c r="I64" s="13">
        <v>26</v>
      </c>
      <c r="J64" s="19">
        <v>5</v>
      </c>
      <c r="K64" s="19">
        <v>2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6</v>
      </c>
      <c r="J65" s="19">
        <v>8</v>
      </c>
      <c r="K65" s="19">
        <v>4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902</v>
      </c>
      <c r="J66" s="29">
        <v>899</v>
      </c>
      <c r="K66" s="29">
        <v>1003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8438</v>
      </c>
      <c r="D4" s="14">
        <v>24491</v>
      </c>
      <c r="E4" s="14">
        <v>2394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870</v>
      </c>
      <c r="D5" s="14">
        <v>984</v>
      </c>
      <c r="E5" s="14">
        <v>886</v>
      </c>
      <c r="F5" s="14"/>
      <c r="G5" s="18" t="s">
        <v>8</v>
      </c>
      <c r="H5" s="17"/>
      <c r="I5" s="13">
        <v>3314</v>
      </c>
      <c r="J5" s="14">
        <v>1764</v>
      </c>
      <c r="K5" s="14">
        <v>1550</v>
      </c>
    </row>
    <row r="6" spans="1:11" ht="15" customHeight="1">
      <c r="A6" s="17" t="s">
        <v>9</v>
      </c>
      <c r="B6" s="17"/>
      <c r="C6" s="13">
        <v>326</v>
      </c>
      <c r="D6" s="19">
        <v>183</v>
      </c>
      <c r="E6" s="19">
        <v>143</v>
      </c>
      <c r="F6" s="19"/>
      <c r="G6" s="18" t="s">
        <v>10</v>
      </c>
      <c r="H6" s="17"/>
      <c r="I6" s="13">
        <v>764</v>
      </c>
      <c r="J6" s="19">
        <v>428</v>
      </c>
      <c r="K6" s="19">
        <v>336</v>
      </c>
    </row>
    <row r="7" spans="1:11" ht="15" customHeight="1">
      <c r="A7" s="17" t="s">
        <v>11</v>
      </c>
      <c r="B7" s="17"/>
      <c r="C7" s="13">
        <v>377</v>
      </c>
      <c r="D7" s="19">
        <v>183</v>
      </c>
      <c r="E7" s="19">
        <v>194</v>
      </c>
      <c r="F7" s="19"/>
      <c r="G7" s="18" t="s">
        <v>12</v>
      </c>
      <c r="H7" s="17"/>
      <c r="I7" s="13">
        <v>658</v>
      </c>
      <c r="J7" s="19">
        <v>344</v>
      </c>
      <c r="K7" s="19">
        <v>314</v>
      </c>
    </row>
    <row r="8" spans="1:11" ht="15" customHeight="1">
      <c r="A8" s="17" t="s">
        <v>13</v>
      </c>
      <c r="B8" s="17"/>
      <c r="C8" s="13">
        <v>358</v>
      </c>
      <c r="D8" s="19">
        <v>176</v>
      </c>
      <c r="E8" s="19">
        <v>182</v>
      </c>
      <c r="F8" s="19"/>
      <c r="G8" s="18" t="s">
        <v>14</v>
      </c>
      <c r="H8" s="17"/>
      <c r="I8" s="13">
        <v>700</v>
      </c>
      <c r="J8" s="19">
        <v>365</v>
      </c>
      <c r="K8" s="19">
        <v>335</v>
      </c>
    </row>
    <row r="9" spans="1:11" ht="15" customHeight="1">
      <c r="A9" s="17" t="s">
        <v>15</v>
      </c>
      <c r="B9" s="17"/>
      <c r="C9" s="13">
        <v>399</v>
      </c>
      <c r="D9" s="19">
        <v>221</v>
      </c>
      <c r="E9" s="19">
        <v>178</v>
      </c>
      <c r="F9" s="19"/>
      <c r="G9" s="18" t="s">
        <v>16</v>
      </c>
      <c r="H9" s="17"/>
      <c r="I9" s="13">
        <v>685</v>
      </c>
      <c r="J9" s="19">
        <v>367</v>
      </c>
      <c r="K9" s="19">
        <v>318</v>
      </c>
    </row>
    <row r="10" spans="1:11" ht="15" customHeight="1">
      <c r="A10" s="17" t="s">
        <v>17</v>
      </c>
      <c r="B10" s="17"/>
      <c r="C10" s="13">
        <v>410</v>
      </c>
      <c r="D10" s="19">
        <v>221</v>
      </c>
      <c r="E10" s="19">
        <v>189</v>
      </c>
      <c r="F10" s="19"/>
      <c r="G10" s="18" t="s">
        <v>18</v>
      </c>
      <c r="H10" s="17"/>
      <c r="I10" s="13">
        <v>507</v>
      </c>
      <c r="J10" s="19">
        <v>260</v>
      </c>
      <c r="K10" s="19">
        <v>247</v>
      </c>
    </row>
    <row r="11" spans="1:11" ht="20.100000000000001" customHeight="1">
      <c r="A11" s="17" t="s">
        <v>19</v>
      </c>
      <c r="B11" s="17"/>
      <c r="C11" s="13">
        <v>2111</v>
      </c>
      <c r="D11" s="14">
        <v>1081</v>
      </c>
      <c r="E11" s="14">
        <v>1030</v>
      </c>
      <c r="F11" s="14"/>
      <c r="G11" s="18" t="s">
        <v>20</v>
      </c>
      <c r="H11" s="17"/>
      <c r="I11" s="13">
        <v>2899</v>
      </c>
      <c r="J11" s="14">
        <v>1506</v>
      </c>
      <c r="K11" s="14">
        <v>1393</v>
      </c>
    </row>
    <row r="12" spans="1:11" ht="15" customHeight="1">
      <c r="A12" s="17" t="s">
        <v>21</v>
      </c>
      <c r="B12" s="17"/>
      <c r="C12" s="13">
        <v>429</v>
      </c>
      <c r="D12" s="19">
        <v>221</v>
      </c>
      <c r="E12" s="19">
        <v>208</v>
      </c>
      <c r="F12" s="19"/>
      <c r="G12" s="18" t="s">
        <v>22</v>
      </c>
      <c r="H12" s="17"/>
      <c r="I12" s="13">
        <v>638</v>
      </c>
      <c r="J12" s="19">
        <v>328</v>
      </c>
      <c r="K12" s="19">
        <v>310</v>
      </c>
    </row>
    <row r="13" spans="1:11" ht="15" customHeight="1">
      <c r="A13" s="17" t="s">
        <v>23</v>
      </c>
      <c r="B13" s="17"/>
      <c r="C13" s="13">
        <v>422</v>
      </c>
      <c r="D13" s="19">
        <v>220</v>
      </c>
      <c r="E13" s="19">
        <v>202</v>
      </c>
      <c r="F13" s="19"/>
      <c r="G13" s="18" t="s">
        <v>24</v>
      </c>
      <c r="H13" s="17"/>
      <c r="I13" s="13">
        <v>618</v>
      </c>
      <c r="J13" s="19">
        <v>311</v>
      </c>
      <c r="K13" s="19">
        <v>307</v>
      </c>
    </row>
    <row r="14" spans="1:11" ht="15" customHeight="1">
      <c r="A14" s="17" t="s">
        <v>25</v>
      </c>
      <c r="B14" s="17"/>
      <c r="C14" s="13">
        <v>418</v>
      </c>
      <c r="D14" s="19">
        <v>228</v>
      </c>
      <c r="E14" s="19">
        <v>190</v>
      </c>
      <c r="F14" s="19"/>
      <c r="G14" s="18" t="s">
        <v>26</v>
      </c>
      <c r="H14" s="17"/>
      <c r="I14" s="13">
        <v>543</v>
      </c>
      <c r="J14" s="19">
        <v>296</v>
      </c>
      <c r="K14" s="19">
        <v>247</v>
      </c>
    </row>
    <row r="15" spans="1:11" ht="15" customHeight="1">
      <c r="A15" s="17" t="s">
        <v>27</v>
      </c>
      <c r="B15" s="17"/>
      <c r="C15" s="13">
        <v>429</v>
      </c>
      <c r="D15" s="19">
        <v>211</v>
      </c>
      <c r="E15" s="19">
        <v>218</v>
      </c>
      <c r="F15" s="19"/>
      <c r="G15" s="18" t="s">
        <v>28</v>
      </c>
      <c r="H15" s="17"/>
      <c r="I15" s="13">
        <v>554</v>
      </c>
      <c r="J15" s="19">
        <v>288</v>
      </c>
      <c r="K15" s="19">
        <v>266</v>
      </c>
    </row>
    <row r="16" spans="1:11" ht="15" customHeight="1">
      <c r="A16" s="17" t="s">
        <v>29</v>
      </c>
      <c r="B16" s="17"/>
      <c r="C16" s="13">
        <v>413</v>
      </c>
      <c r="D16" s="19">
        <v>201</v>
      </c>
      <c r="E16" s="19">
        <v>212</v>
      </c>
      <c r="F16" s="19"/>
      <c r="G16" s="18" t="s">
        <v>30</v>
      </c>
      <c r="H16" s="17"/>
      <c r="I16" s="13">
        <v>546</v>
      </c>
      <c r="J16" s="19">
        <v>283</v>
      </c>
      <c r="K16" s="19">
        <v>263</v>
      </c>
    </row>
    <row r="17" spans="1:11" ht="20.100000000000001" customHeight="1">
      <c r="A17" s="20" t="s">
        <v>31</v>
      </c>
      <c r="B17" s="20"/>
      <c r="C17" s="13">
        <v>2198</v>
      </c>
      <c r="D17" s="14">
        <v>1139</v>
      </c>
      <c r="E17" s="14">
        <v>1059</v>
      </c>
      <c r="F17" s="14"/>
      <c r="G17" s="18" t="s">
        <v>32</v>
      </c>
      <c r="H17" s="17"/>
      <c r="I17" s="13">
        <v>2565</v>
      </c>
      <c r="J17" s="14">
        <v>1258</v>
      </c>
      <c r="K17" s="14">
        <v>1307</v>
      </c>
    </row>
    <row r="18" spans="1:11" ht="15" customHeight="1">
      <c r="A18" s="17" t="s">
        <v>33</v>
      </c>
      <c r="B18" s="17"/>
      <c r="C18" s="13">
        <v>451</v>
      </c>
      <c r="D18" s="19">
        <v>218</v>
      </c>
      <c r="E18" s="19">
        <v>233</v>
      </c>
      <c r="F18" s="19"/>
      <c r="G18" s="18" t="s">
        <v>34</v>
      </c>
      <c r="H18" s="17"/>
      <c r="I18" s="13">
        <v>512</v>
      </c>
      <c r="J18" s="19">
        <v>244</v>
      </c>
      <c r="K18" s="19">
        <v>268</v>
      </c>
    </row>
    <row r="19" spans="1:11" ht="15" customHeight="1">
      <c r="A19" s="17" t="s">
        <v>35</v>
      </c>
      <c r="B19" s="17"/>
      <c r="C19" s="13">
        <v>434</v>
      </c>
      <c r="D19" s="19">
        <v>223</v>
      </c>
      <c r="E19" s="19">
        <v>211</v>
      </c>
      <c r="F19" s="19"/>
      <c r="G19" s="18" t="s">
        <v>36</v>
      </c>
      <c r="H19" s="17"/>
      <c r="I19" s="13">
        <v>515</v>
      </c>
      <c r="J19" s="19">
        <v>265</v>
      </c>
      <c r="K19" s="19">
        <v>250</v>
      </c>
    </row>
    <row r="20" spans="1:11" ht="15" customHeight="1">
      <c r="A20" s="17" t="s">
        <v>37</v>
      </c>
      <c r="B20" s="17"/>
      <c r="C20" s="13">
        <v>437</v>
      </c>
      <c r="D20" s="19">
        <v>245</v>
      </c>
      <c r="E20" s="19">
        <v>192</v>
      </c>
      <c r="F20" s="19"/>
      <c r="G20" s="18" t="s">
        <v>38</v>
      </c>
      <c r="H20" s="17"/>
      <c r="I20" s="13">
        <v>562</v>
      </c>
      <c r="J20" s="19">
        <v>270</v>
      </c>
      <c r="K20" s="19">
        <v>292</v>
      </c>
    </row>
    <row r="21" spans="1:11" ht="15" customHeight="1">
      <c r="A21" s="17" t="s">
        <v>39</v>
      </c>
      <c r="B21" s="17"/>
      <c r="C21" s="13">
        <v>422</v>
      </c>
      <c r="D21" s="19">
        <v>214</v>
      </c>
      <c r="E21" s="19">
        <v>208</v>
      </c>
      <c r="F21" s="19"/>
      <c r="G21" s="18" t="s">
        <v>40</v>
      </c>
      <c r="H21" s="17"/>
      <c r="I21" s="13">
        <v>469</v>
      </c>
      <c r="J21" s="19">
        <v>233</v>
      </c>
      <c r="K21" s="19">
        <v>236</v>
      </c>
    </row>
    <row r="22" spans="1:11" ht="15" customHeight="1">
      <c r="A22" s="17" t="s">
        <v>41</v>
      </c>
      <c r="B22" s="17"/>
      <c r="C22" s="13">
        <v>454</v>
      </c>
      <c r="D22" s="19">
        <v>239</v>
      </c>
      <c r="E22" s="19">
        <v>215</v>
      </c>
      <c r="F22" s="19"/>
      <c r="G22" s="18" t="s">
        <v>42</v>
      </c>
      <c r="H22" s="17"/>
      <c r="I22" s="13">
        <v>507</v>
      </c>
      <c r="J22" s="19">
        <v>246</v>
      </c>
      <c r="K22" s="19">
        <v>261</v>
      </c>
    </row>
    <row r="23" spans="1:11" ht="20.100000000000001" customHeight="1">
      <c r="A23" s="17" t="s">
        <v>43</v>
      </c>
      <c r="B23" s="17"/>
      <c r="C23" s="13">
        <v>2269</v>
      </c>
      <c r="D23" s="14">
        <v>1151</v>
      </c>
      <c r="E23" s="14">
        <v>1118</v>
      </c>
      <c r="F23" s="14"/>
      <c r="G23" s="18" t="s">
        <v>44</v>
      </c>
      <c r="H23" s="17"/>
      <c r="I23" s="13">
        <v>3106</v>
      </c>
      <c r="J23" s="14">
        <v>1517</v>
      </c>
      <c r="K23" s="14">
        <v>1589</v>
      </c>
    </row>
    <row r="24" spans="1:11" ht="15" customHeight="1">
      <c r="A24" s="17" t="s">
        <v>45</v>
      </c>
      <c r="B24" s="17"/>
      <c r="C24" s="13">
        <v>424</v>
      </c>
      <c r="D24" s="19">
        <v>222</v>
      </c>
      <c r="E24" s="19">
        <v>202</v>
      </c>
      <c r="F24" s="19"/>
      <c r="G24" s="18" t="s">
        <v>46</v>
      </c>
      <c r="H24" s="17"/>
      <c r="I24" s="13">
        <v>558</v>
      </c>
      <c r="J24" s="19">
        <v>276</v>
      </c>
      <c r="K24" s="19">
        <v>282</v>
      </c>
    </row>
    <row r="25" spans="1:11" ht="15" customHeight="1">
      <c r="A25" s="17" t="s">
        <v>47</v>
      </c>
      <c r="B25" s="17"/>
      <c r="C25" s="13">
        <v>465</v>
      </c>
      <c r="D25" s="19">
        <v>232</v>
      </c>
      <c r="E25" s="19">
        <v>233</v>
      </c>
      <c r="F25" s="19"/>
      <c r="G25" s="18" t="s">
        <v>48</v>
      </c>
      <c r="H25" s="17"/>
      <c r="I25" s="13">
        <v>547</v>
      </c>
      <c r="J25" s="19">
        <v>255</v>
      </c>
      <c r="K25" s="19">
        <v>292</v>
      </c>
    </row>
    <row r="26" spans="1:11" ht="15" customHeight="1">
      <c r="A26" s="17" t="s">
        <v>49</v>
      </c>
      <c r="B26" s="17"/>
      <c r="C26" s="13">
        <v>443</v>
      </c>
      <c r="D26" s="19">
        <v>224</v>
      </c>
      <c r="E26" s="19">
        <v>219</v>
      </c>
      <c r="F26" s="19"/>
      <c r="G26" s="18" t="s">
        <v>50</v>
      </c>
      <c r="H26" s="17"/>
      <c r="I26" s="13">
        <v>600</v>
      </c>
      <c r="J26" s="19">
        <v>283</v>
      </c>
      <c r="K26" s="19">
        <v>317</v>
      </c>
    </row>
    <row r="27" spans="1:11" ht="15" customHeight="1">
      <c r="A27" s="17" t="s">
        <v>51</v>
      </c>
      <c r="B27" s="17"/>
      <c r="C27" s="13">
        <v>475</v>
      </c>
      <c r="D27" s="19">
        <v>232</v>
      </c>
      <c r="E27" s="19">
        <v>243</v>
      </c>
      <c r="F27" s="19"/>
      <c r="G27" s="18" t="s">
        <v>52</v>
      </c>
      <c r="H27" s="17"/>
      <c r="I27" s="13">
        <v>709</v>
      </c>
      <c r="J27" s="19">
        <v>352</v>
      </c>
      <c r="K27" s="19">
        <v>357</v>
      </c>
    </row>
    <row r="28" spans="1:11" ht="15" customHeight="1">
      <c r="A28" s="17" t="s">
        <v>53</v>
      </c>
      <c r="B28" s="17"/>
      <c r="C28" s="13">
        <v>462</v>
      </c>
      <c r="D28" s="19">
        <v>241</v>
      </c>
      <c r="E28" s="19">
        <v>221</v>
      </c>
      <c r="F28" s="19"/>
      <c r="G28" s="18" t="s">
        <v>54</v>
      </c>
      <c r="H28" s="17"/>
      <c r="I28" s="13">
        <v>692</v>
      </c>
      <c r="J28" s="19">
        <v>351</v>
      </c>
      <c r="K28" s="19">
        <v>341</v>
      </c>
    </row>
    <row r="29" spans="1:11" ht="20.100000000000001" customHeight="1">
      <c r="A29" s="17" t="s">
        <v>55</v>
      </c>
      <c r="B29" s="17"/>
      <c r="C29" s="13">
        <v>2222</v>
      </c>
      <c r="D29" s="14">
        <v>1154</v>
      </c>
      <c r="E29" s="14">
        <v>1068</v>
      </c>
      <c r="F29" s="14"/>
      <c r="G29" s="18" t="s">
        <v>56</v>
      </c>
      <c r="H29" s="17"/>
      <c r="I29" s="13">
        <v>3668</v>
      </c>
      <c r="J29" s="14">
        <v>1729</v>
      </c>
      <c r="K29" s="14">
        <v>1939</v>
      </c>
    </row>
    <row r="30" spans="1:11" ht="15" customHeight="1">
      <c r="A30" s="17" t="s">
        <v>57</v>
      </c>
      <c r="B30" s="17"/>
      <c r="C30" s="13">
        <v>479</v>
      </c>
      <c r="D30" s="19">
        <v>239</v>
      </c>
      <c r="E30" s="19">
        <v>240</v>
      </c>
      <c r="F30" s="19"/>
      <c r="G30" s="18" t="s">
        <v>58</v>
      </c>
      <c r="H30" s="17"/>
      <c r="I30" s="13">
        <v>736</v>
      </c>
      <c r="J30" s="19">
        <v>367</v>
      </c>
      <c r="K30" s="19">
        <v>369</v>
      </c>
    </row>
    <row r="31" spans="1:11" ht="15" customHeight="1">
      <c r="A31" s="17" t="s">
        <v>59</v>
      </c>
      <c r="B31" s="17"/>
      <c r="C31" s="13">
        <v>422</v>
      </c>
      <c r="D31" s="19">
        <v>228</v>
      </c>
      <c r="E31" s="19">
        <v>194</v>
      </c>
      <c r="F31" s="19"/>
      <c r="G31" s="18" t="s">
        <v>60</v>
      </c>
      <c r="H31" s="17"/>
      <c r="I31" s="13">
        <v>848</v>
      </c>
      <c r="J31" s="19">
        <v>395</v>
      </c>
      <c r="K31" s="19">
        <v>453</v>
      </c>
    </row>
    <row r="32" spans="1:11" ht="15" customHeight="1">
      <c r="A32" s="17" t="s">
        <v>61</v>
      </c>
      <c r="B32" s="17"/>
      <c r="C32" s="13">
        <v>438</v>
      </c>
      <c r="D32" s="19">
        <v>221</v>
      </c>
      <c r="E32" s="19">
        <v>217</v>
      </c>
      <c r="F32" s="19"/>
      <c r="G32" s="18" t="s">
        <v>62</v>
      </c>
      <c r="H32" s="17"/>
      <c r="I32" s="13">
        <v>753</v>
      </c>
      <c r="J32" s="19">
        <v>347</v>
      </c>
      <c r="K32" s="19">
        <v>406</v>
      </c>
    </row>
    <row r="33" spans="1:11" ht="15" customHeight="1">
      <c r="A33" s="17" t="s">
        <v>63</v>
      </c>
      <c r="B33" s="17"/>
      <c r="C33" s="13">
        <v>442</v>
      </c>
      <c r="D33" s="19">
        <v>227</v>
      </c>
      <c r="E33" s="19">
        <v>215</v>
      </c>
      <c r="F33" s="19"/>
      <c r="G33" s="18" t="s">
        <v>64</v>
      </c>
      <c r="H33" s="17"/>
      <c r="I33" s="13">
        <v>778</v>
      </c>
      <c r="J33" s="19">
        <v>363</v>
      </c>
      <c r="K33" s="19">
        <v>415</v>
      </c>
    </row>
    <row r="34" spans="1:11" ht="15" customHeight="1">
      <c r="A34" s="17" t="s">
        <v>65</v>
      </c>
      <c r="B34" s="17"/>
      <c r="C34" s="13">
        <v>441</v>
      </c>
      <c r="D34" s="19">
        <v>239</v>
      </c>
      <c r="E34" s="19">
        <v>202</v>
      </c>
      <c r="F34" s="19"/>
      <c r="G34" s="18" t="s">
        <v>66</v>
      </c>
      <c r="H34" s="17"/>
      <c r="I34" s="13">
        <v>553</v>
      </c>
      <c r="J34" s="19">
        <v>257</v>
      </c>
      <c r="K34" s="19">
        <v>296</v>
      </c>
    </row>
    <row r="35" spans="1:11" ht="20.100000000000001" customHeight="1">
      <c r="A35" s="17" t="s">
        <v>67</v>
      </c>
      <c r="B35" s="17"/>
      <c r="C35" s="13">
        <v>2279</v>
      </c>
      <c r="D35" s="14">
        <v>1235</v>
      </c>
      <c r="E35" s="14">
        <v>1044</v>
      </c>
      <c r="F35" s="14"/>
      <c r="G35" s="18" t="s">
        <v>68</v>
      </c>
      <c r="H35" s="17"/>
      <c r="I35" s="13">
        <v>2895</v>
      </c>
      <c r="J35" s="14">
        <v>1352</v>
      </c>
      <c r="K35" s="14">
        <v>1543</v>
      </c>
    </row>
    <row r="36" spans="1:11" ht="15" customHeight="1">
      <c r="A36" s="17" t="s">
        <v>69</v>
      </c>
      <c r="B36" s="17"/>
      <c r="C36" s="13">
        <v>428</v>
      </c>
      <c r="D36" s="19">
        <v>245</v>
      </c>
      <c r="E36" s="19">
        <v>183</v>
      </c>
      <c r="F36" s="19"/>
      <c r="G36" s="18" t="s">
        <v>70</v>
      </c>
      <c r="H36" s="17"/>
      <c r="I36" s="13">
        <v>504</v>
      </c>
      <c r="J36" s="19">
        <v>252</v>
      </c>
      <c r="K36" s="19">
        <v>252</v>
      </c>
    </row>
    <row r="37" spans="1:11" ht="15" customHeight="1">
      <c r="A37" s="17" t="s">
        <v>71</v>
      </c>
      <c r="B37" s="17"/>
      <c r="C37" s="13">
        <v>509</v>
      </c>
      <c r="D37" s="19">
        <v>261</v>
      </c>
      <c r="E37" s="19">
        <v>248</v>
      </c>
      <c r="F37" s="19"/>
      <c r="G37" s="18" t="s">
        <v>72</v>
      </c>
      <c r="H37" s="17"/>
      <c r="I37" s="13">
        <v>593</v>
      </c>
      <c r="J37" s="19">
        <v>277</v>
      </c>
      <c r="K37" s="19">
        <v>316</v>
      </c>
    </row>
    <row r="38" spans="1:11" ht="15" customHeight="1">
      <c r="A38" s="17" t="s">
        <v>73</v>
      </c>
      <c r="B38" s="17"/>
      <c r="C38" s="13">
        <v>460</v>
      </c>
      <c r="D38" s="19">
        <v>247</v>
      </c>
      <c r="E38" s="19">
        <v>213</v>
      </c>
      <c r="F38" s="19"/>
      <c r="G38" s="18" t="s">
        <v>74</v>
      </c>
      <c r="H38" s="17"/>
      <c r="I38" s="13">
        <v>645</v>
      </c>
      <c r="J38" s="19">
        <v>290</v>
      </c>
      <c r="K38" s="19">
        <v>355</v>
      </c>
    </row>
    <row r="39" spans="1:11" ht="15" customHeight="1">
      <c r="A39" s="17" t="s">
        <v>75</v>
      </c>
      <c r="B39" s="17"/>
      <c r="C39" s="13">
        <v>439</v>
      </c>
      <c r="D39" s="19">
        <v>245</v>
      </c>
      <c r="E39" s="19">
        <v>194</v>
      </c>
      <c r="F39" s="19"/>
      <c r="G39" s="18" t="s">
        <v>76</v>
      </c>
      <c r="H39" s="17"/>
      <c r="I39" s="13">
        <v>576</v>
      </c>
      <c r="J39" s="19">
        <v>253</v>
      </c>
      <c r="K39" s="19">
        <v>323</v>
      </c>
    </row>
    <row r="40" spans="1:11" ht="15" customHeight="1">
      <c r="A40" s="17" t="s">
        <v>77</v>
      </c>
      <c r="B40" s="17"/>
      <c r="C40" s="13">
        <v>443</v>
      </c>
      <c r="D40" s="19">
        <v>237</v>
      </c>
      <c r="E40" s="19">
        <v>206</v>
      </c>
      <c r="F40" s="19"/>
      <c r="G40" s="18" t="s">
        <v>78</v>
      </c>
      <c r="H40" s="17"/>
      <c r="I40" s="13">
        <v>577</v>
      </c>
      <c r="J40" s="19">
        <v>280</v>
      </c>
      <c r="K40" s="19">
        <v>297</v>
      </c>
    </row>
    <row r="41" spans="1:11" ht="20.100000000000001" customHeight="1">
      <c r="A41" s="17" t="s">
        <v>79</v>
      </c>
      <c r="B41" s="17"/>
      <c r="C41" s="13">
        <v>2558</v>
      </c>
      <c r="D41" s="14">
        <v>1352</v>
      </c>
      <c r="E41" s="14">
        <v>1206</v>
      </c>
      <c r="F41" s="14"/>
      <c r="G41" s="18" t="s">
        <v>80</v>
      </c>
      <c r="H41" s="17"/>
      <c r="I41" s="13">
        <v>1935</v>
      </c>
      <c r="J41" s="14">
        <v>915</v>
      </c>
      <c r="K41" s="14">
        <v>1020</v>
      </c>
    </row>
    <row r="42" spans="1:11" ht="15" customHeight="1">
      <c r="A42" s="17" t="s">
        <v>81</v>
      </c>
      <c r="B42" s="17"/>
      <c r="C42" s="13">
        <v>486</v>
      </c>
      <c r="D42" s="19">
        <v>252</v>
      </c>
      <c r="E42" s="19">
        <v>234</v>
      </c>
      <c r="F42" s="19"/>
      <c r="G42" s="18" t="s">
        <v>82</v>
      </c>
      <c r="H42" s="17"/>
      <c r="I42" s="13">
        <v>472</v>
      </c>
      <c r="J42" s="19">
        <v>220</v>
      </c>
      <c r="K42" s="19">
        <v>252</v>
      </c>
    </row>
    <row r="43" spans="1:11" ht="15" customHeight="1">
      <c r="A43" s="17" t="s">
        <v>83</v>
      </c>
      <c r="B43" s="17"/>
      <c r="C43" s="13">
        <v>536</v>
      </c>
      <c r="D43" s="19">
        <v>283</v>
      </c>
      <c r="E43" s="19">
        <v>253</v>
      </c>
      <c r="F43" s="19"/>
      <c r="G43" s="18" t="s">
        <v>84</v>
      </c>
      <c r="H43" s="17"/>
      <c r="I43" s="13">
        <v>434</v>
      </c>
      <c r="J43" s="19">
        <v>207</v>
      </c>
      <c r="K43" s="19">
        <v>227</v>
      </c>
    </row>
    <row r="44" spans="1:11" ht="15" customHeight="1">
      <c r="A44" s="17" t="s">
        <v>85</v>
      </c>
      <c r="B44" s="17"/>
      <c r="C44" s="13">
        <v>542</v>
      </c>
      <c r="D44" s="19">
        <v>293</v>
      </c>
      <c r="E44" s="19">
        <v>249</v>
      </c>
      <c r="F44" s="19"/>
      <c r="G44" s="18" t="s">
        <v>86</v>
      </c>
      <c r="H44" s="17"/>
      <c r="I44" s="13">
        <v>371</v>
      </c>
      <c r="J44" s="19">
        <v>187</v>
      </c>
      <c r="K44" s="19">
        <v>184</v>
      </c>
    </row>
    <row r="45" spans="1:11" ht="15" customHeight="1">
      <c r="A45" s="17" t="s">
        <v>87</v>
      </c>
      <c r="B45" s="17"/>
      <c r="C45" s="13">
        <v>481</v>
      </c>
      <c r="D45" s="19">
        <v>247</v>
      </c>
      <c r="E45" s="19">
        <v>234</v>
      </c>
      <c r="F45" s="19"/>
      <c r="G45" s="18" t="s">
        <v>88</v>
      </c>
      <c r="H45" s="17"/>
      <c r="I45" s="13">
        <v>357</v>
      </c>
      <c r="J45" s="19">
        <v>169</v>
      </c>
      <c r="K45" s="19">
        <v>188</v>
      </c>
    </row>
    <row r="46" spans="1:11" ht="15" customHeight="1">
      <c r="A46" s="17" t="s">
        <v>89</v>
      </c>
      <c r="B46" s="17"/>
      <c r="C46" s="13">
        <v>513</v>
      </c>
      <c r="D46" s="19">
        <v>277</v>
      </c>
      <c r="E46" s="19">
        <v>236</v>
      </c>
      <c r="F46" s="19"/>
      <c r="G46" s="18" t="s">
        <v>90</v>
      </c>
      <c r="H46" s="17"/>
      <c r="I46" s="13">
        <v>301</v>
      </c>
      <c r="J46" s="19">
        <v>132</v>
      </c>
      <c r="K46" s="19">
        <v>169</v>
      </c>
    </row>
    <row r="47" spans="1:11" ht="20.100000000000001" customHeight="1">
      <c r="A47" s="17" t="s">
        <v>91</v>
      </c>
      <c r="B47" s="17"/>
      <c r="C47" s="13">
        <v>2856</v>
      </c>
      <c r="D47" s="14">
        <v>1475</v>
      </c>
      <c r="E47" s="14">
        <v>1381</v>
      </c>
      <c r="F47" s="14"/>
      <c r="G47" s="18" t="s">
        <v>92</v>
      </c>
      <c r="H47" s="17"/>
      <c r="I47" s="13">
        <v>1089</v>
      </c>
      <c r="J47" s="14">
        <v>432</v>
      </c>
      <c r="K47" s="14">
        <v>657</v>
      </c>
    </row>
    <row r="48" spans="1:11" ht="15" customHeight="1">
      <c r="A48" s="17" t="s">
        <v>93</v>
      </c>
      <c r="B48" s="17"/>
      <c r="C48" s="13">
        <v>547</v>
      </c>
      <c r="D48" s="19">
        <v>266</v>
      </c>
      <c r="E48" s="19">
        <v>281</v>
      </c>
      <c r="F48" s="19"/>
      <c r="G48" s="18" t="s">
        <v>94</v>
      </c>
      <c r="H48" s="17"/>
      <c r="I48" s="13">
        <v>305</v>
      </c>
      <c r="J48" s="19">
        <v>127</v>
      </c>
      <c r="K48" s="19">
        <v>178</v>
      </c>
    </row>
    <row r="49" spans="1:11" ht="15" customHeight="1">
      <c r="A49" s="17" t="s">
        <v>95</v>
      </c>
      <c r="B49" s="17"/>
      <c r="C49" s="13">
        <v>546</v>
      </c>
      <c r="D49" s="19">
        <v>297</v>
      </c>
      <c r="E49" s="19">
        <v>249</v>
      </c>
      <c r="F49" s="19"/>
      <c r="G49" s="18" t="s">
        <v>96</v>
      </c>
      <c r="H49" s="17"/>
      <c r="I49" s="13">
        <v>255</v>
      </c>
      <c r="J49" s="19">
        <v>93</v>
      </c>
      <c r="K49" s="19">
        <v>162</v>
      </c>
    </row>
    <row r="50" spans="1:11" ht="15" customHeight="1">
      <c r="A50" s="17" t="s">
        <v>97</v>
      </c>
      <c r="B50" s="17"/>
      <c r="C50" s="13">
        <v>571</v>
      </c>
      <c r="D50" s="19">
        <v>304</v>
      </c>
      <c r="E50" s="19">
        <v>267</v>
      </c>
      <c r="F50" s="19"/>
      <c r="G50" s="18" t="s">
        <v>98</v>
      </c>
      <c r="H50" s="17"/>
      <c r="I50" s="13">
        <v>230</v>
      </c>
      <c r="J50" s="19">
        <v>104</v>
      </c>
      <c r="K50" s="19">
        <v>126</v>
      </c>
    </row>
    <row r="51" spans="1:11" ht="15" customHeight="1">
      <c r="A51" s="17" t="s">
        <v>99</v>
      </c>
      <c r="B51" s="17"/>
      <c r="C51" s="13">
        <v>598</v>
      </c>
      <c r="D51" s="19">
        <v>322</v>
      </c>
      <c r="E51" s="19">
        <v>276</v>
      </c>
      <c r="F51" s="19"/>
      <c r="G51" s="18" t="s">
        <v>100</v>
      </c>
      <c r="H51" s="17"/>
      <c r="I51" s="13">
        <v>154</v>
      </c>
      <c r="J51" s="19">
        <v>52</v>
      </c>
      <c r="K51" s="19">
        <v>102</v>
      </c>
    </row>
    <row r="52" spans="1:11" ht="15" customHeight="1">
      <c r="A52" s="17" t="s">
        <v>101</v>
      </c>
      <c r="B52" s="17"/>
      <c r="C52" s="13">
        <v>594</v>
      </c>
      <c r="D52" s="19">
        <v>286</v>
      </c>
      <c r="E52" s="19">
        <v>308</v>
      </c>
      <c r="F52" s="19"/>
      <c r="G52" s="18" t="s">
        <v>102</v>
      </c>
      <c r="H52" s="17"/>
      <c r="I52" s="13">
        <v>145</v>
      </c>
      <c r="J52" s="19">
        <v>56</v>
      </c>
      <c r="K52" s="19">
        <v>89</v>
      </c>
    </row>
    <row r="53" spans="1:11" ht="20.100000000000001" customHeight="1">
      <c r="A53" s="17" t="s">
        <v>103</v>
      </c>
      <c r="B53" s="17"/>
      <c r="C53" s="13">
        <v>3513</v>
      </c>
      <c r="D53" s="14">
        <v>1839</v>
      </c>
      <c r="E53" s="14">
        <v>1674</v>
      </c>
      <c r="F53" s="14"/>
      <c r="G53" s="18" t="s">
        <v>104</v>
      </c>
      <c r="H53" s="17"/>
      <c r="I53" s="13">
        <v>452</v>
      </c>
      <c r="J53" s="14">
        <v>122</v>
      </c>
      <c r="K53" s="14">
        <v>330</v>
      </c>
    </row>
    <row r="54" spans="1:11" ht="15" customHeight="1">
      <c r="A54" s="17" t="s">
        <v>105</v>
      </c>
      <c r="B54" s="17"/>
      <c r="C54" s="13">
        <v>633</v>
      </c>
      <c r="D54" s="19">
        <v>333</v>
      </c>
      <c r="E54" s="19">
        <v>300</v>
      </c>
      <c r="F54" s="19"/>
      <c r="G54" s="18" t="s">
        <v>106</v>
      </c>
      <c r="H54" s="17"/>
      <c r="I54" s="13">
        <v>129</v>
      </c>
      <c r="J54" s="19">
        <v>40</v>
      </c>
      <c r="K54" s="19">
        <v>89</v>
      </c>
    </row>
    <row r="55" spans="1:11" ht="15" customHeight="1">
      <c r="A55" s="17" t="s">
        <v>107</v>
      </c>
      <c r="B55" s="17"/>
      <c r="C55" s="13">
        <v>720</v>
      </c>
      <c r="D55" s="19">
        <v>389</v>
      </c>
      <c r="E55" s="19">
        <v>331</v>
      </c>
      <c r="F55" s="19"/>
      <c r="G55" s="18" t="s">
        <v>108</v>
      </c>
      <c r="H55" s="17"/>
      <c r="I55" s="13">
        <v>113</v>
      </c>
      <c r="J55" s="19">
        <v>34</v>
      </c>
      <c r="K55" s="19">
        <v>79</v>
      </c>
    </row>
    <row r="56" spans="1:11" ht="15" customHeight="1">
      <c r="A56" s="17" t="s">
        <v>109</v>
      </c>
      <c r="B56" s="17"/>
      <c r="C56" s="13">
        <v>713</v>
      </c>
      <c r="D56" s="19">
        <v>361</v>
      </c>
      <c r="E56" s="19">
        <v>352</v>
      </c>
      <c r="F56" s="19"/>
      <c r="G56" s="18" t="s">
        <v>110</v>
      </c>
      <c r="H56" s="17"/>
      <c r="I56" s="13">
        <v>83</v>
      </c>
      <c r="J56" s="19">
        <v>21</v>
      </c>
      <c r="K56" s="19">
        <v>62</v>
      </c>
    </row>
    <row r="57" spans="1:11" ht="15" customHeight="1">
      <c r="A57" s="17" t="s">
        <v>111</v>
      </c>
      <c r="B57" s="17"/>
      <c r="C57" s="13">
        <v>724</v>
      </c>
      <c r="D57" s="19">
        <v>376</v>
      </c>
      <c r="E57" s="19">
        <v>348</v>
      </c>
      <c r="F57" s="19"/>
      <c r="G57" s="18" t="s">
        <v>112</v>
      </c>
      <c r="H57" s="17"/>
      <c r="I57" s="13">
        <v>71</v>
      </c>
      <c r="J57" s="19">
        <v>15</v>
      </c>
      <c r="K57" s="19">
        <v>56</v>
      </c>
    </row>
    <row r="58" spans="1:11" ht="15" customHeight="1">
      <c r="A58" s="17" t="s">
        <v>113</v>
      </c>
      <c r="B58" s="17"/>
      <c r="C58" s="13">
        <v>723</v>
      </c>
      <c r="D58" s="19">
        <v>380</v>
      </c>
      <c r="E58" s="19">
        <v>343</v>
      </c>
      <c r="F58" s="19"/>
      <c r="G58" s="18" t="s">
        <v>114</v>
      </c>
      <c r="H58" s="17"/>
      <c r="I58" s="13">
        <v>56</v>
      </c>
      <c r="J58" s="19">
        <v>12</v>
      </c>
      <c r="K58" s="19">
        <v>44</v>
      </c>
    </row>
    <row r="59" spans="1:11" ht="20.100000000000001" customHeight="1">
      <c r="A59" s="17" t="s">
        <v>115</v>
      </c>
      <c r="B59" s="17"/>
      <c r="C59" s="13">
        <v>4005</v>
      </c>
      <c r="D59" s="14">
        <v>2136</v>
      </c>
      <c r="E59" s="14">
        <v>1869</v>
      </c>
      <c r="F59" s="14"/>
      <c r="G59" s="18" t="s">
        <v>116</v>
      </c>
      <c r="H59" s="17"/>
      <c r="I59" s="13">
        <v>105</v>
      </c>
      <c r="J59" s="14">
        <v>20</v>
      </c>
      <c r="K59" s="14">
        <v>85</v>
      </c>
    </row>
    <row r="60" spans="1:11" ht="15" customHeight="1">
      <c r="A60" s="17" t="s">
        <v>117</v>
      </c>
      <c r="B60" s="17"/>
      <c r="C60" s="13">
        <v>720</v>
      </c>
      <c r="D60" s="19">
        <v>374</v>
      </c>
      <c r="E60" s="19">
        <v>346</v>
      </c>
      <c r="F60" s="19"/>
      <c r="G60" s="18" t="s">
        <v>118</v>
      </c>
      <c r="H60" s="17"/>
      <c r="I60" s="13">
        <v>38</v>
      </c>
      <c r="J60" s="19">
        <v>7</v>
      </c>
      <c r="K60" s="19">
        <v>31</v>
      </c>
    </row>
    <row r="61" spans="1:11" ht="15" customHeight="1">
      <c r="A61" s="17" t="s">
        <v>119</v>
      </c>
      <c r="B61" s="17"/>
      <c r="C61" s="13">
        <v>871</v>
      </c>
      <c r="D61" s="19">
        <v>453</v>
      </c>
      <c r="E61" s="19">
        <v>418</v>
      </c>
      <c r="F61" s="19"/>
      <c r="G61" s="18" t="s">
        <v>120</v>
      </c>
      <c r="H61" s="17"/>
      <c r="I61" s="13">
        <v>26</v>
      </c>
      <c r="J61" s="19">
        <v>6</v>
      </c>
      <c r="K61" s="19">
        <v>20</v>
      </c>
    </row>
    <row r="62" spans="1:11" ht="15" customHeight="1">
      <c r="A62" s="17" t="s">
        <v>121</v>
      </c>
      <c r="B62" s="17"/>
      <c r="C62" s="13">
        <v>815</v>
      </c>
      <c r="D62" s="19">
        <v>450</v>
      </c>
      <c r="E62" s="19">
        <v>365</v>
      </c>
      <c r="F62" s="19"/>
      <c r="G62" s="18" t="s">
        <v>122</v>
      </c>
      <c r="H62" s="17"/>
      <c r="I62" s="13">
        <v>20</v>
      </c>
      <c r="J62" s="19">
        <v>4</v>
      </c>
      <c r="K62" s="19">
        <v>16</v>
      </c>
    </row>
    <row r="63" spans="1:11" ht="15" customHeight="1">
      <c r="A63" s="17" t="s">
        <v>123</v>
      </c>
      <c r="B63" s="17"/>
      <c r="C63" s="13">
        <v>794</v>
      </c>
      <c r="D63" s="19">
        <v>424</v>
      </c>
      <c r="E63" s="19">
        <v>370</v>
      </c>
      <c r="F63" s="19"/>
      <c r="G63" s="18" t="s">
        <v>124</v>
      </c>
      <c r="H63" s="17"/>
      <c r="I63" s="13">
        <v>16</v>
      </c>
      <c r="J63" s="19">
        <v>2</v>
      </c>
      <c r="K63" s="19">
        <v>14</v>
      </c>
    </row>
    <row r="64" spans="1:11" ht="15" customHeight="1">
      <c r="A64" s="17" t="s">
        <v>125</v>
      </c>
      <c r="B64" s="17"/>
      <c r="C64" s="13">
        <v>805</v>
      </c>
      <c r="D64" s="19">
        <v>435</v>
      </c>
      <c r="E64" s="19">
        <v>370</v>
      </c>
      <c r="F64" s="19"/>
      <c r="G64" s="18" t="s">
        <v>126</v>
      </c>
      <c r="H64" s="17"/>
      <c r="I64" s="13">
        <v>5</v>
      </c>
      <c r="J64" s="19">
        <v>1</v>
      </c>
      <c r="K64" s="19">
        <v>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7</v>
      </c>
      <c r="J65" s="19">
        <v>1</v>
      </c>
      <c r="K65" s="19">
        <v>2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502</v>
      </c>
      <c r="J66" s="29">
        <v>329</v>
      </c>
      <c r="K66" s="29">
        <v>173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708</v>
      </c>
      <c r="D4" s="14">
        <v>15441</v>
      </c>
      <c r="E4" s="14">
        <v>1626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73</v>
      </c>
      <c r="D5" s="14">
        <v>517</v>
      </c>
      <c r="E5" s="14">
        <v>456</v>
      </c>
      <c r="F5" s="14"/>
      <c r="G5" s="18" t="s">
        <v>8</v>
      </c>
      <c r="H5" s="17"/>
      <c r="I5" s="13">
        <v>2413</v>
      </c>
      <c r="J5" s="14">
        <v>1246</v>
      </c>
      <c r="K5" s="14">
        <v>1167</v>
      </c>
    </row>
    <row r="6" spans="1:11" ht="15" customHeight="1">
      <c r="A6" s="17" t="s">
        <v>9</v>
      </c>
      <c r="B6" s="17"/>
      <c r="C6" s="13">
        <v>155</v>
      </c>
      <c r="D6" s="19">
        <v>85</v>
      </c>
      <c r="E6" s="19">
        <v>70</v>
      </c>
      <c r="F6" s="19"/>
      <c r="G6" s="18" t="s">
        <v>10</v>
      </c>
      <c r="H6" s="17"/>
      <c r="I6" s="13">
        <v>522</v>
      </c>
      <c r="J6" s="19">
        <v>270</v>
      </c>
      <c r="K6" s="19">
        <v>252</v>
      </c>
    </row>
    <row r="7" spans="1:11" ht="15" customHeight="1">
      <c r="A7" s="17" t="s">
        <v>11</v>
      </c>
      <c r="B7" s="17"/>
      <c r="C7" s="13">
        <v>179</v>
      </c>
      <c r="D7" s="19">
        <v>95</v>
      </c>
      <c r="E7" s="19">
        <v>84</v>
      </c>
      <c r="F7" s="19"/>
      <c r="G7" s="18" t="s">
        <v>12</v>
      </c>
      <c r="H7" s="17"/>
      <c r="I7" s="13">
        <v>503</v>
      </c>
      <c r="J7" s="19">
        <v>250</v>
      </c>
      <c r="K7" s="19">
        <v>253</v>
      </c>
    </row>
    <row r="8" spans="1:11" ht="15" customHeight="1">
      <c r="A8" s="17" t="s">
        <v>13</v>
      </c>
      <c r="B8" s="17"/>
      <c r="C8" s="13">
        <v>185</v>
      </c>
      <c r="D8" s="19">
        <v>90</v>
      </c>
      <c r="E8" s="19">
        <v>95</v>
      </c>
      <c r="F8" s="19"/>
      <c r="G8" s="18" t="s">
        <v>14</v>
      </c>
      <c r="H8" s="17"/>
      <c r="I8" s="13">
        <v>510</v>
      </c>
      <c r="J8" s="19">
        <v>258</v>
      </c>
      <c r="K8" s="19">
        <v>252</v>
      </c>
    </row>
    <row r="9" spans="1:11" ht="15" customHeight="1">
      <c r="A9" s="17" t="s">
        <v>15</v>
      </c>
      <c r="B9" s="17"/>
      <c r="C9" s="13">
        <v>235</v>
      </c>
      <c r="D9" s="19">
        <v>131</v>
      </c>
      <c r="E9" s="19">
        <v>104</v>
      </c>
      <c r="F9" s="19"/>
      <c r="G9" s="18" t="s">
        <v>16</v>
      </c>
      <c r="H9" s="17"/>
      <c r="I9" s="13">
        <v>506</v>
      </c>
      <c r="J9" s="19">
        <v>264</v>
      </c>
      <c r="K9" s="19">
        <v>242</v>
      </c>
    </row>
    <row r="10" spans="1:11" ht="15" customHeight="1">
      <c r="A10" s="17" t="s">
        <v>17</v>
      </c>
      <c r="B10" s="17"/>
      <c r="C10" s="13">
        <v>219</v>
      </c>
      <c r="D10" s="19">
        <v>116</v>
      </c>
      <c r="E10" s="19">
        <v>103</v>
      </c>
      <c r="F10" s="19"/>
      <c r="G10" s="18" t="s">
        <v>18</v>
      </c>
      <c r="H10" s="17"/>
      <c r="I10" s="13">
        <v>372</v>
      </c>
      <c r="J10" s="19">
        <v>204</v>
      </c>
      <c r="K10" s="19">
        <v>168</v>
      </c>
    </row>
    <row r="11" spans="1:11" ht="20.100000000000001" customHeight="1">
      <c r="A11" s="17" t="s">
        <v>19</v>
      </c>
      <c r="B11" s="17"/>
      <c r="C11" s="13">
        <v>1200</v>
      </c>
      <c r="D11" s="14">
        <v>587</v>
      </c>
      <c r="E11" s="14">
        <v>613</v>
      </c>
      <c r="F11" s="14"/>
      <c r="G11" s="18" t="s">
        <v>20</v>
      </c>
      <c r="H11" s="17"/>
      <c r="I11" s="13">
        <v>2064</v>
      </c>
      <c r="J11" s="14">
        <v>1090</v>
      </c>
      <c r="K11" s="14">
        <v>974</v>
      </c>
    </row>
    <row r="12" spans="1:11" ht="15" customHeight="1">
      <c r="A12" s="17" t="s">
        <v>21</v>
      </c>
      <c r="B12" s="17"/>
      <c r="C12" s="13">
        <v>225</v>
      </c>
      <c r="D12" s="19">
        <v>115</v>
      </c>
      <c r="E12" s="19">
        <v>110</v>
      </c>
      <c r="F12" s="19"/>
      <c r="G12" s="18" t="s">
        <v>22</v>
      </c>
      <c r="H12" s="17"/>
      <c r="I12" s="13">
        <v>464</v>
      </c>
      <c r="J12" s="19">
        <v>257</v>
      </c>
      <c r="K12" s="19">
        <v>207</v>
      </c>
    </row>
    <row r="13" spans="1:11" ht="15" customHeight="1">
      <c r="A13" s="17" t="s">
        <v>23</v>
      </c>
      <c r="B13" s="17"/>
      <c r="C13" s="13">
        <v>224</v>
      </c>
      <c r="D13" s="19">
        <v>114</v>
      </c>
      <c r="E13" s="19">
        <v>110</v>
      </c>
      <c r="F13" s="19"/>
      <c r="G13" s="18" t="s">
        <v>24</v>
      </c>
      <c r="H13" s="17"/>
      <c r="I13" s="13">
        <v>427</v>
      </c>
      <c r="J13" s="19">
        <v>223</v>
      </c>
      <c r="K13" s="19">
        <v>204</v>
      </c>
    </row>
    <row r="14" spans="1:11" ht="15" customHeight="1">
      <c r="A14" s="17" t="s">
        <v>25</v>
      </c>
      <c r="B14" s="17"/>
      <c r="C14" s="13">
        <v>239</v>
      </c>
      <c r="D14" s="19">
        <v>109</v>
      </c>
      <c r="E14" s="19">
        <v>130</v>
      </c>
      <c r="F14" s="19"/>
      <c r="G14" s="18" t="s">
        <v>26</v>
      </c>
      <c r="H14" s="17"/>
      <c r="I14" s="13">
        <v>408</v>
      </c>
      <c r="J14" s="19">
        <v>218</v>
      </c>
      <c r="K14" s="19">
        <v>190</v>
      </c>
    </row>
    <row r="15" spans="1:11" ht="15" customHeight="1">
      <c r="A15" s="17" t="s">
        <v>27</v>
      </c>
      <c r="B15" s="17"/>
      <c r="C15" s="13">
        <v>243</v>
      </c>
      <c r="D15" s="19">
        <v>113</v>
      </c>
      <c r="E15" s="19">
        <v>130</v>
      </c>
      <c r="F15" s="19"/>
      <c r="G15" s="18" t="s">
        <v>28</v>
      </c>
      <c r="H15" s="17"/>
      <c r="I15" s="13">
        <v>404</v>
      </c>
      <c r="J15" s="19">
        <v>209</v>
      </c>
      <c r="K15" s="19">
        <v>195</v>
      </c>
    </row>
    <row r="16" spans="1:11" ht="15" customHeight="1">
      <c r="A16" s="17" t="s">
        <v>29</v>
      </c>
      <c r="B16" s="17"/>
      <c r="C16" s="13">
        <v>269</v>
      </c>
      <c r="D16" s="19">
        <v>136</v>
      </c>
      <c r="E16" s="19">
        <v>133</v>
      </c>
      <c r="F16" s="19"/>
      <c r="G16" s="18" t="s">
        <v>30</v>
      </c>
      <c r="H16" s="17"/>
      <c r="I16" s="13">
        <v>361</v>
      </c>
      <c r="J16" s="19">
        <v>183</v>
      </c>
      <c r="K16" s="19">
        <v>178</v>
      </c>
    </row>
    <row r="17" spans="1:11" ht="20.100000000000001" customHeight="1">
      <c r="A17" s="20" t="s">
        <v>31</v>
      </c>
      <c r="B17" s="20"/>
      <c r="C17" s="13">
        <v>1410</v>
      </c>
      <c r="D17" s="14">
        <v>754</v>
      </c>
      <c r="E17" s="14">
        <v>656</v>
      </c>
      <c r="F17" s="14"/>
      <c r="G17" s="18" t="s">
        <v>32</v>
      </c>
      <c r="H17" s="17"/>
      <c r="I17" s="13">
        <v>1971</v>
      </c>
      <c r="J17" s="14">
        <v>951</v>
      </c>
      <c r="K17" s="14">
        <v>1020</v>
      </c>
    </row>
    <row r="18" spans="1:11" ht="15" customHeight="1">
      <c r="A18" s="17" t="s">
        <v>33</v>
      </c>
      <c r="B18" s="17"/>
      <c r="C18" s="13">
        <v>291</v>
      </c>
      <c r="D18" s="19">
        <v>154</v>
      </c>
      <c r="E18" s="19">
        <v>137</v>
      </c>
      <c r="F18" s="19"/>
      <c r="G18" s="18" t="s">
        <v>34</v>
      </c>
      <c r="H18" s="17"/>
      <c r="I18" s="13">
        <v>378</v>
      </c>
      <c r="J18" s="19">
        <v>190</v>
      </c>
      <c r="K18" s="19">
        <v>188</v>
      </c>
    </row>
    <row r="19" spans="1:11" ht="15" customHeight="1">
      <c r="A19" s="17" t="s">
        <v>35</v>
      </c>
      <c r="B19" s="17"/>
      <c r="C19" s="13">
        <v>252</v>
      </c>
      <c r="D19" s="19">
        <v>126</v>
      </c>
      <c r="E19" s="19">
        <v>126</v>
      </c>
      <c r="F19" s="19"/>
      <c r="G19" s="18" t="s">
        <v>36</v>
      </c>
      <c r="H19" s="17"/>
      <c r="I19" s="13">
        <v>414</v>
      </c>
      <c r="J19" s="19">
        <v>185</v>
      </c>
      <c r="K19" s="19">
        <v>229</v>
      </c>
    </row>
    <row r="20" spans="1:11" ht="15" customHeight="1">
      <c r="A20" s="17" t="s">
        <v>37</v>
      </c>
      <c r="B20" s="17"/>
      <c r="C20" s="13">
        <v>294</v>
      </c>
      <c r="D20" s="19">
        <v>152</v>
      </c>
      <c r="E20" s="19">
        <v>142</v>
      </c>
      <c r="F20" s="19"/>
      <c r="G20" s="18" t="s">
        <v>38</v>
      </c>
      <c r="H20" s="17"/>
      <c r="I20" s="13">
        <v>384</v>
      </c>
      <c r="J20" s="19">
        <v>192</v>
      </c>
      <c r="K20" s="19">
        <v>192</v>
      </c>
    </row>
    <row r="21" spans="1:11" ht="15" customHeight="1">
      <c r="A21" s="17" t="s">
        <v>39</v>
      </c>
      <c r="B21" s="17"/>
      <c r="C21" s="13">
        <v>292</v>
      </c>
      <c r="D21" s="19">
        <v>166</v>
      </c>
      <c r="E21" s="19">
        <v>126</v>
      </c>
      <c r="F21" s="19"/>
      <c r="G21" s="18" t="s">
        <v>40</v>
      </c>
      <c r="H21" s="17"/>
      <c r="I21" s="13">
        <v>398</v>
      </c>
      <c r="J21" s="19">
        <v>192</v>
      </c>
      <c r="K21" s="19">
        <v>206</v>
      </c>
    </row>
    <row r="22" spans="1:11" ht="15" customHeight="1">
      <c r="A22" s="17" t="s">
        <v>41</v>
      </c>
      <c r="B22" s="17"/>
      <c r="C22" s="13">
        <v>281</v>
      </c>
      <c r="D22" s="19">
        <v>156</v>
      </c>
      <c r="E22" s="19">
        <v>125</v>
      </c>
      <c r="F22" s="19"/>
      <c r="G22" s="18" t="s">
        <v>42</v>
      </c>
      <c r="H22" s="17"/>
      <c r="I22" s="13">
        <v>397</v>
      </c>
      <c r="J22" s="19">
        <v>192</v>
      </c>
      <c r="K22" s="19">
        <v>205</v>
      </c>
    </row>
    <row r="23" spans="1:11" ht="20.100000000000001" customHeight="1">
      <c r="A23" s="17" t="s">
        <v>43</v>
      </c>
      <c r="B23" s="17"/>
      <c r="C23" s="13">
        <v>1388</v>
      </c>
      <c r="D23" s="14">
        <v>691</v>
      </c>
      <c r="E23" s="14">
        <v>697</v>
      </c>
      <c r="F23" s="14"/>
      <c r="G23" s="18" t="s">
        <v>44</v>
      </c>
      <c r="H23" s="17"/>
      <c r="I23" s="13">
        <v>2228</v>
      </c>
      <c r="J23" s="14">
        <v>1051</v>
      </c>
      <c r="K23" s="14">
        <v>1177</v>
      </c>
    </row>
    <row r="24" spans="1:11" ht="15" customHeight="1">
      <c r="A24" s="17" t="s">
        <v>45</v>
      </c>
      <c r="B24" s="17"/>
      <c r="C24" s="13">
        <v>285</v>
      </c>
      <c r="D24" s="19">
        <v>127</v>
      </c>
      <c r="E24" s="19">
        <v>158</v>
      </c>
      <c r="F24" s="19"/>
      <c r="G24" s="18" t="s">
        <v>46</v>
      </c>
      <c r="H24" s="17"/>
      <c r="I24" s="13">
        <v>402</v>
      </c>
      <c r="J24" s="19">
        <v>191</v>
      </c>
      <c r="K24" s="19">
        <v>211</v>
      </c>
    </row>
    <row r="25" spans="1:11" ht="15" customHeight="1">
      <c r="A25" s="17" t="s">
        <v>47</v>
      </c>
      <c r="B25" s="17"/>
      <c r="C25" s="13">
        <v>286</v>
      </c>
      <c r="D25" s="19">
        <v>144</v>
      </c>
      <c r="E25" s="19">
        <v>142</v>
      </c>
      <c r="F25" s="19"/>
      <c r="G25" s="18" t="s">
        <v>48</v>
      </c>
      <c r="H25" s="17"/>
      <c r="I25" s="13">
        <v>387</v>
      </c>
      <c r="J25" s="19">
        <v>201</v>
      </c>
      <c r="K25" s="19">
        <v>186</v>
      </c>
    </row>
    <row r="26" spans="1:11" ht="15" customHeight="1">
      <c r="A26" s="17" t="s">
        <v>49</v>
      </c>
      <c r="B26" s="17"/>
      <c r="C26" s="13">
        <v>285</v>
      </c>
      <c r="D26" s="19">
        <v>143</v>
      </c>
      <c r="E26" s="19">
        <v>142</v>
      </c>
      <c r="F26" s="19"/>
      <c r="G26" s="18" t="s">
        <v>50</v>
      </c>
      <c r="H26" s="17"/>
      <c r="I26" s="13">
        <v>460</v>
      </c>
      <c r="J26" s="19">
        <v>200</v>
      </c>
      <c r="K26" s="19">
        <v>260</v>
      </c>
    </row>
    <row r="27" spans="1:11" ht="15" customHeight="1">
      <c r="A27" s="17" t="s">
        <v>51</v>
      </c>
      <c r="B27" s="17"/>
      <c r="C27" s="13">
        <v>274</v>
      </c>
      <c r="D27" s="19">
        <v>137</v>
      </c>
      <c r="E27" s="19">
        <v>137</v>
      </c>
      <c r="F27" s="19"/>
      <c r="G27" s="18" t="s">
        <v>52</v>
      </c>
      <c r="H27" s="17"/>
      <c r="I27" s="13">
        <v>484</v>
      </c>
      <c r="J27" s="19">
        <v>207</v>
      </c>
      <c r="K27" s="19">
        <v>277</v>
      </c>
    </row>
    <row r="28" spans="1:11" ht="15" customHeight="1">
      <c r="A28" s="17" t="s">
        <v>53</v>
      </c>
      <c r="B28" s="17"/>
      <c r="C28" s="13">
        <v>258</v>
      </c>
      <c r="D28" s="19">
        <v>140</v>
      </c>
      <c r="E28" s="19">
        <v>118</v>
      </c>
      <c r="F28" s="19"/>
      <c r="G28" s="18" t="s">
        <v>54</v>
      </c>
      <c r="H28" s="17"/>
      <c r="I28" s="13">
        <v>495</v>
      </c>
      <c r="J28" s="19">
        <v>252</v>
      </c>
      <c r="K28" s="19">
        <v>243</v>
      </c>
    </row>
    <row r="29" spans="1:11" ht="20.100000000000001" customHeight="1">
      <c r="A29" s="17" t="s">
        <v>55</v>
      </c>
      <c r="B29" s="17"/>
      <c r="C29" s="13">
        <v>1207</v>
      </c>
      <c r="D29" s="14">
        <v>599</v>
      </c>
      <c r="E29" s="14">
        <v>608</v>
      </c>
      <c r="F29" s="14"/>
      <c r="G29" s="18" t="s">
        <v>56</v>
      </c>
      <c r="H29" s="17"/>
      <c r="I29" s="13">
        <v>2961</v>
      </c>
      <c r="J29" s="14">
        <v>1404</v>
      </c>
      <c r="K29" s="14">
        <v>1557</v>
      </c>
    </row>
    <row r="30" spans="1:11" ht="15" customHeight="1">
      <c r="A30" s="17" t="s">
        <v>57</v>
      </c>
      <c r="B30" s="17"/>
      <c r="C30" s="13">
        <v>273</v>
      </c>
      <c r="D30" s="19">
        <v>135</v>
      </c>
      <c r="E30" s="19">
        <v>138</v>
      </c>
      <c r="F30" s="19"/>
      <c r="G30" s="18" t="s">
        <v>58</v>
      </c>
      <c r="H30" s="17"/>
      <c r="I30" s="13">
        <v>544</v>
      </c>
      <c r="J30" s="19">
        <v>255</v>
      </c>
      <c r="K30" s="19">
        <v>289</v>
      </c>
    </row>
    <row r="31" spans="1:11" ht="15" customHeight="1">
      <c r="A31" s="17" t="s">
        <v>59</v>
      </c>
      <c r="B31" s="17"/>
      <c r="C31" s="13">
        <v>246</v>
      </c>
      <c r="D31" s="19">
        <v>113</v>
      </c>
      <c r="E31" s="19">
        <v>133</v>
      </c>
      <c r="F31" s="19"/>
      <c r="G31" s="18" t="s">
        <v>60</v>
      </c>
      <c r="H31" s="17"/>
      <c r="I31" s="13">
        <v>648</v>
      </c>
      <c r="J31" s="19">
        <v>314</v>
      </c>
      <c r="K31" s="19">
        <v>334</v>
      </c>
    </row>
    <row r="32" spans="1:11" ht="15" customHeight="1">
      <c r="A32" s="17" t="s">
        <v>61</v>
      </c>
      <c r="B32" s="17"/>
      <c r="C32" s="13">
        <v>252</v>
      </c>
      <c r="D32" s="19">
        <v>117</v>
      </c>
      <c r="E32" s="19">
        <v>135</v>
      </c>
      <c r="F32" s="19"/>
      <c r="G32" s="18" t="s">
        <v>62</v>
      </c>
      <c r="H32" s="17"/>
      <c r="I32" s="13">
        <v>640</v>
      </c>
      <c r="J32" s="19">
        <v>287</v>
      </c>
      <c r="K32" s="19">
        <v>353</v>
      </c>
    </row>
    <row r="33" spans="1:11" ht="15" customHeight="1">
      <c r="A33" s="17" t="s">
        <v>63</v>
      </c>
      <c r="B33" s="17"/>
      <c r="C33" s="13">
        <v>236</v>
      </c>
      <c r="D33" s="19">
        <v>120</v>
      </c>
      <c r="E33" s="19">
        <v>116</v>
      </c>
      <c r="F33" s="19"/>
      <c r="G33" s="18" t="s">
        <v>64</v>
      </c>
      <c r="H33" s="17"/>
      <c r="I33" s="13">
        <v>661</v>
      </c>
      <c r="J33" s="19">
        <v>321</v>
      </c>
      <c r="K33" s="19">
        <v>340</v>
      </c>
    </row>
    <row r="34" spans="1:11" ht="15" customHeight="1">
      <c r="A34" s="17" t="s">
        <v>65</v>
      </c>
      <c r="B34" s="17"/>
      <c r="C34" s="13">
        <v>200</v>
      </c>
      <c r="D34" s="19">
        <v>114</v>
      </c>
      <c r="E34" s="19">
        <v>86</v>
      </c>
      <c r="F34" s="19"/>
      <c r="G34" s="18" t="s">
        <v>66</v>
      </c>
      <c r="H34" s="17"/>
      <c r="I34" s="13">
        <v>468</v>
      </c>
      <c r="J34" s="19">
        <v>227</v>
      </c>
      <c r="K34" s="19">
        <v>241</v>
      </c>
    </row>
    <row r="35" spans="1:11" ht="20.100000000000001" customHeight="1">
      <c r="A35" s="17" t="s">
        <v>67</v>
      </c>
      <c r="B35" s="17"/>
      <c r="C35" s="13">
        <v>969</v>
      </c>
      <c r="D35" s="14">
        <v>502</v>
      </c>
      <c r="E35" s="14">
        <v>467</v>
      </c>
      <c r="F35" s="14"/>
      <c r="G35" s="18" t="s">
        <v>68</v>
      </c>
      <c r="H35" s="17"/>
      <c r="I35" s="13">
        <v>2329</v>
      </c>
      <c r="J35" s="14">
        <v>1101</v>
      </c>
      <c r="K35" s="14">
        <v>1228</v>
      </c>
    </row>
    <row r="36" spans="1:11" ht="15" customHeight="1">
      <c r="A36" s="17" t="s">
        <v>69</v>
      </c>
      <c r="B36" s="17"/>
      <c r="C36" s="13">
        <v>189</v>
      </c>
      <c r="D36" s="19">
        <v>98</v>
      </c>
      <c r="E36" s="19">
        <v>91</v>
      </c>
      <c r="F36" s="19"/>
      <c r="G36" s="18" t="s">
        <v>70</v>
      </c>
      <c r="H36" s="17"/>
      <c r="I36" s="13">
        <v>410</v>
      </c>
      <c r="J36" s="19">
        <v>184</v>
      </c>
      <c r="K36" s="19">
        <v>226</v>
      </c>
    </row>
    <row r="37" spans="1:11" ht="15" customHeight="1">
      <c r="A37" s="17" t="s">
        <v>71</v>
      </c>
      <c r="B37" s="17"/>
      <c r="C37" s="13">
        <v>228</v>
      </c>
      <c r="D37" s="19">
        <v>131</v>
      </c>
      <c r="E37" s="19">
        <v>97</v>
      </c>
      <c r="F37" s="19"/>
      <c r="G37" s="18" t="s">
        <v>72</v>
      </c>
      <c r="H37" s="17"/>
      <c r="I37" s="13">
        <v>454</v>
      </c>
      <c r="J37" s="19">
        <v>210</v>
      </c>
      <c r="K37" s="19">
        <v>244</v>
      </c>
    </row>
    <row r="38" spans="1:11" ht="15" customHeight="1">
      <c r="A38" s="17" t="s">
        <v>73</v>
      </c>
      <c r="B38" s="17"/>
      <c r="C38" s="13">
        <v>187</v>
      </c>
      <c r="D38" s="19">
        <v>93</v>
      </c>
      <c r="E38" s="19">
        <v>94</v>
      </c>
      <c r="F38" s="19"/>
      <c r="G38" s="18" t="s">
        <v>74</v>
      </c>
      <c r="H38" s="17"/>
      <c r="I38" s="13">
        <v>514</v>
      </c>
      <c r="J38" s="19">
        <v>230</v>
      </c>
      <c r="K38" s="19">
        <v>284</v>
      </c>
    </row>
    <row r="39" spans="1:11" ht="15" customHeight="1">
      <c r="A39" s="17" t="s">
        <v>75</v>
      </c>
      <c r="B39" s="17"/>
      <c r="C39" s="13">
        <v>171</v>
      </c>
      <c r="D39" s="19">
        <v>82</v>
      </c>
      <c r="E39" s="19">
        <v>89</v>
      </c>
      <c r="F39" s="19"/>
      <c r="G39" s="18" t="s">
        <v>76</v>
      </c>
      <c r="H39" s="17"/>
      <c r="I39" s="13">
        <v>498</v>
      </c>
      <c r="J39" s="19">
        <v>252</v>
      </c>
      <c r="K39" s="19">
        <v>246</v>
      </c>
    </row>
    <row r="40" spans="1:11" ht="15" customHeight="1">
      <c r="A40" s="17" t="s">
        <v>77</v>
      </c>
      <c r="B40" s="17"/>
      <c r="C40" s="13">
        <v>194</v>
      </c>
      <c r="D40" s="19">
        <v>98</v>
      </c>
      <c r="E40" s="19">
        <v>96</v>
      </c>
      <c r="F40" s="19"/>
      <c r="G40" s="18" t="s">
        <v>78</v>
      </c>
      <c r="H40" s="17"/>
      <c r="I40" s="13">
        <v>453</v>
      </c>
      <c r="J40" s="19">
        <v>225</v>
      </c>
      <c r="K40" s="19">
        <v>228</v>
      </c>
    </row>
    <row r="41" spans="1:11" ht="20.100000000000001" customHeight="1">
      <c r="A41" s="17" t="s">
        <v>79</v>
      </c>
      <c r="B41" s="17"/>
      <c r="C41" s="13">
        <v>1102</v>
      </c>
      <c r="D41" s="14">
        <v>536</v>
      </c>
      <c r="E41" s="14">
        <v>566</v>
      </c>
      <c r="F41" s="14"/>
      <c r="G41" s="18" t="s">
        <v>80</v>
      </c>
      <c r="H41" s="17"/>
      <c r="I41" s="13">
        <v>1684</v>
      </c>
      <c r="J41" s="14">
        <v>744</v>
      </c>
      <c r="K41" s="14">
        <v>940</v>
      </c>
    </row>
    <row r="42" spans="1:11" ht="15" customHeight="1">
      <c r="A42" s="17" t="s">
        <v>81</v>
      </c>
      <c r="B42" s="17"/>
      <c r="C42" s="13">
        <v>164</v>
      </c>
      <c r="D42" s="19">
        <v>80</v>
      </c>
      <c r="E42" s="19">
        <v>84</v>
      </c>
      <c r="F42" s="19"/>
      <c r="G42" s="18" t="s">
        <v>82</v>
      </c>
      <c r="H42" s="17"/>
      <c r="I42" s="13">
        <v>393</v>
      </c>
      <c r="J42" s="19">
        <v>178</v>
      </c>
      <c r="K42" s="19">
        <v>215</v>
      </c>
    </row>
    <row r="43" spans="1:11" ht="15" customHeight="1">
      <c r="A43" s="17" t="s">
        <v>83</v>
      </c>
      <c r="B43" s="17"/>
      <c r="C43" s="13">
        <v>207</v>
      </c>
      <c r="D43" s="19">
        <v>100</v>
      </c>
      <c r="E43" s="19">
        <v>107</v>
      </c>
      <c r="F43" s="19"/>
      <c r="G43" s="18" t="s">
        <v>84</v>
      </c>
      <c r="H43" s="17"/>
      <c r="I43" s="13">
        <v>342</v>
      </c>
      <c r="J43" s="19">
        <v>163</v>
      </c>
      <c r="K43" s="19">
        <v>179</v>
      </c>
    </row>
    <row r="44" spans="1:11" ht="15" customHeight="1">
      <c r="A44" s="17" t="s">
        <v>85</v>
      </c>
      <c r="B44" s="17"/>
      <c r="C44" s="13">
        <v>237</v>
      </c>
      <c r="D44" s="19">
        <v>106</v>
      </c>
      <c r="E44" s="19">
        <v>131</v>
      </c>
      <c r="F44" s="19"/>
      <c r="G44" s="18" t="s">
        <v>86</v>
      </c>
      <c r="H44" s="17"/>
      <c r="I44" s="13">
        <v>315</v>
      </c>
      <c r="J44" s="19">
        <v>139</v>
      </c>
      <c r="K44" s="19">
        <v>176</v>
      </c>
    </row>
    <row r="45" spans="1:11" ht="15" customHeight="1">
      <c r="A45" s="17" t="s">
        <v>87</v>
      </c>
      <c r="B45" s="17"/>
      <c r="C45" s="13">
        <v>242</v>
      </c>
      <c r="D45" s="19">
        <v>112</v>
      </c>
      <c r="E45" s="19">
        <v>130</v>
      </c>
      <c r="F45" s="19"/>
      <c r="G45" s="18" t="s">
        <v>88</v>
      </c>
      <c r="H45" s="17"/>
      <c r="I45" s="13">
        <v>338</v>
      </c>
      <c r="J45" s="19">
        <v>155</v>
      </c>
      <c r="K45" s="19">
        <v>183</v>
      </c>
    </row>
    <row r="46" spans="1:11" ht="15" customHeight="1">
      <c r="A46" s="17" t="s">
        <v>89</v>
      </c>
      <c r="B46" s="17"/>
      <c r="C46" s="13">
        <v>252</v>
      </c>
      <c r="D46" s="19">
        <v>138</v>
      </c>
      <c r="E46" s="19">
        <v>114</v>
      </c>
      <c r="F46" s="19"/>
      <c r="G46" s="18" t="s">
        <v>90</v>
      </c>
      <c r="H46" s="17"/>
      <c r="I46" s="13">
        <v>296</v>
      </c>
      <c r="J46" s="19">
        <v>109</v>
      </c>
      <c r="K46" s="19">
        <v>187</v>
      </c>
    </row>
    <row r="47" spans="1:11" ht="20.100000000000001" customHeight="1">
      <c r="A47" s="17" t="s">
        <v>91</v>
      </c>
      <c r="B47" s="17"/>
      <c r="C47" s="13">
        <v>1591</v>
      </c>
      <c r="D47" s="14">
        <v>784</v>
      </c>
      <c r="E47" s="14">
        <v>807</v>
      </c>
      <c r="F47" s="14"/>
      <c r="G47" s="18" t="s">
        <v>92</v>
      </c>
      <c r="H47" s="17"/>
      <c r="I47" s="13">
        <v>1030</v>
      </c>
      <c r="J47" s="14">
        <v>395</v>
      </c>
      <c r="K47" s="14">
        <v>635</v>
      </c>
    </row>
    <row r="48" spans="1:11" ht="15" customHeight="1">
      <c r="A48" s="17" t="s">
        <v>93</v>
      </c>
      <c r="B48" s="17"/>
      <c r="C48" s="13">
        <v>269</v>
      </c>
      <c r="D48" s="19">
        <v>130</v>
      </c>
      <c r="E48" s="19">
        <v>139</v>
      </c>
      <c r="F48" s="19"/>
      <c r="G48" s="18" t="s">
        <v>94</v>
      </c>
      <c r="H48" s="17"/>
      <c r="I48" s="13">
        <v>268</v>
      </c>
      <c r="J48" s="19">
        <v>102</v>
      </c>
      <c r="K48" s="19">
        <v>166</v>
      </c>
    </row>
    <row r="49" spans="1:11" ht="15" customHeight="1">
      <c r="A49" s="17" t="s">
        <v>95</v>
      </c>
      <c r="B49" s="17"/>
      <c r="C49" s="13">
        <v>318</v>
      </c>
      <c r="D49" s="19">
        <v>165</v>
      </c>
      <c r="E49" s="19">
        <v>153</v>
      </c>
      <c r="F49" s="19"/>
      <c r="G49" s="18" t="s">
        <v>96</v>
      </c>
      <c r="H49" s="17"/>
      <c r="I49" s="13">
        <v>215</v>
      </c>
      <c r="J49" s="19">
        <v>79</v>
      </c>
      <c r="K49" s="19">
        <v>136</v>
      </c>
    </row>
    <row r="50" spans="1:11" ht="15" customHeight="1">
      <c r="A50" s="17" t="s">
        <v>97</v>
      </c>
      <c r="B50" s="17"/>
      <c r="C50" s="13">
        <v>309</v>
      </c>
      <c r="D50" s="19">
        <v>157</v>
      </c>
      <c r="E50" s="19">
        <v>152</v>
      </c>
      <c r="F50" s="19"/>
      <c r="G50" s="18" t="s">
        <v>98</v>
      </c>
      <c r="H50" s="17"/>
      <c r="I50" s="13">
        <v>209</v>
      </c>
      <c r="J50" s="19">
        <v>88</v>
      </c>
      <c r="K50" s="19">
        <v>121</v>
      </c>
    </row>
    <row r="51" spans="1:11" ht="15" customHeight="1">
      <c r="A51" s="17" t="s">
        <v>99</v>
      </c>
      <c r="B51" s="17"/>
      <c r="C51" s="13">
        <v>319</v>
      </c>
      <c r="D51" s="19">
        <v>153</v>
      </c>
      <c r="E51" s="19">
        <v>166</v>
      </c>
      <c r="F51" s="19"/>
      <c r="G51" s="18" t="s">
        <v>100</v>
      </c>
      <c r="H51" s="17"/>
      <c r="I51" s="13">
        <v>180</v>
      </c>
      <c r="J51" s="19">
        <v>73</v>
      </c>
      <c r="K51" s="19">
        <v>107</v>
      </c>
    </row>
    <row r="52" spans="1:11" ht="15" customHeight="1">
      <c r="A52" s="17" t="s">
        <v>101</v>
      </c>
      <c r="B52" s="17"/>
      <c r="C52" s="13">
        <v>376</v>
      </c>
      <c r="D52" s="19">
        <v>179</v>
      </c>
      <c r="E52" s="19">
        <v>197</v>
      </c>
      <c r="F52" s="19"/>
      <c r="G52" s="18" t="s">
        <v>102</v>
      </c>
      <c r="H52" s="17"/>
      <c r="I52" s="13">
        <v>158</v>
      </c>
      <c r="J52" s="19">
        <v>53</v>
      </c>
      <c r="K52" s="19">
        <v>105</v>
      </c>
    </row>
    <row r="53" spans="1:11" ht="20.100000000000001" customHeight="1">
      <c r="A53" s="17" t="s">
        <v>103</v>
      </c>
      <c r="B53" s="17"/>
      <c r="C53" s="13">
        <v>2003</v>
      </c>
      <c r="D53" s="14">
        <v>1017</v>
      </c>
      <c r="E53" s="14">
        <v>986</v>
      </c>
      <c r="F53" s="14"/>
      <c r="G53" s="18" t="s">
        <v>104</v>
      </c>
      <c r="H53" s="17"/>
      <c r="I53" s="13">
        <v>476</v>
      </c>
      <c r="J53" s="14">
        <v>153</v>
      </c>
      <c r="K53" s="14">
        <v>323</v>
      </c>
    </row>
    <row r="54" spans="1:11" ht="15" customHeight="1">
      <c r="A54" s="17" t="s">
        <v>105</v>
      </c>
      <c r="B54" s="17"/>
      <c r="C54" s="13">
        <v>343</v>
      </c>
      <c r="D54" s="19">
        <v>174</v>
      </c>
      <c r="E54" s="19">
        <v>169</v>
      </c>
      <c r="F54" s="19"/>
      <c r="G54" s="18" t="s">
        <v>106</v>
      </c>
      <c r="H54" s="17"/>
      <c r="I54" s="13">
        <v>128</v>
      </c>
      <c r="J54" s="19">
        <v>41</v>
      </c>
      <c r="K54" s="19">
        <v>87</v>
      </c>
    </row>
    <row r="55" spans="1:11" ht="15" customHeight="1">
      <c r="A55" s="17" t="s">
        <v>107</v>
      </c>
      <c r="B55" s="17"/>
      <c r="C55" s="13">
        <v>361</v>
      </c>
      <c r="D55" s="19">
        <v>178</v>
      </c>
      <c r="E55" s="19">
        <v>183</v>
      </c>
      <c r="F55" s="19"/>
      <c r="G55" s="18" t="s">
        <v>108</v>
      </c>
      <c r="H55" s="17"/>
      <c r="I55" s="13">
        <v>96</v>
      </c>
      <c r="J55" s="19">
        <v>26</v>
      </c>
      <c r="K55" s="19">
        <v>70</v>
      </c>
    </row>
    <row r="56" spans="1:11" ht="15" customHeight="1">
      <c r="A56" s="17" t="s">
        <v>109</v>
      </c>
      <c r="B56" s="17"/>
      <c r="C56" s="13">
        <v>410</v>
      </c>
      <c r="D56" s="19">
        <v>216</v>
      </c>
      <c r="E56" s="19">
        <v>194</v>
      </c>
      <c r="F56" s="19"/>
      <c r="G56" s="18" t="s">
        <v>110</v>
      </c>
      <c r="H56" s="17"/>
      <c r="I56" s="13">
        <v>115</v>
      </c>
      <c r="J56" s="19">
        <v>46</v>
      </c>
      <c r="K56" s="19">
        <v>69</v>
      </c>
    </row>
    <row r="57" spans="1:11" ht="15" customHeight="1">
      <c r="A57" s="17" t="s">
        <v>111</v>
      </c>
      <c r="B57" s="17"/>
      <c r="C57" s="13">
        <v>435</v>
      </c>
      <c r="D57" s="19">
        <v>216</v>
      </c>
      <c r="E57" s="19">
        <v>219</v>
      </c>
      <c r="F57" s="19"/>
      <c r="G57" s="18" t="s">
        <v>112</v>
      </c>
      <c r="H57" s="17"/>
      <c r="I57" s="13">
        <v>75</v>
      </c>
      <c r="J57" s="19">
        <v>22</v>
      </c>
      <c r="K57" s="19">
        <v>53</v>
      </c>
    </row>
    <row r="58" spans="1:11" ht="15" customHeight="1">
      <c r="A58" s="17" t="s">
        <v>113</v>
      </c>
      <c r="B58" s="17"/>
      <c r="C58" s="13">
        <v>454</v>
      </c>
      <c r="D58" s="19">
        <v>233</v>
      </c>
      <c r="E58" s="19">
        <v>221</v>
      </c>
      <c r="F58" s="19"/>
      <c r="G58" s="18" t="s">
        <v>114</v>
      </c>
      <c r="H58" s="17"/>
      <c r="I58" s="13">
        <v>62</v>
      </c>
      <c r="J58" s="19">
        <v>18</v>
      </c>
      <c r="K58" s="19">
        <v>44</v>
      </c>
    </row>
    <row r="59" spans="1:11" ht="20.100000000000001" customHeight="1">
      <c r="A59" s="17" t="s">
        <v>115</v>
      </c>
      <c r="B59" s="17"/>
      <c r="C59" s="13">
        <v>2531</v>
      </c>
      <c r="D59" s="14">
        <v>1281</v>
      </c>
      <c r="E59" s="14">
        <v>1250</v>
      </c>
      <c r="F59" s="14"/>
      <c r="G59" s="18" t="s">
        <v>116</v>
      </c>
      <c r="H59" s="17"/>
      <c r="I59" s="13">
        <v>139</v>
      </c>
      <c r="J59" s="14">
        <v>21</v>
      </c>
      <c r="K59" s="14">
        <v>118</v>
      </c>
    </row>
    <row r="60" spans="1:11" ht="15" customHeight="1">
      <c r="A60" s="17" t="s">
        <v>117</v>
      </c>
      <c r="B60" s="17"/>
      <c r="C60" s="13">
        <v>465</v>
      </c>
      <c r="D60" s="19">
        <v>244</v>
      </c>
      <c r="E60" s="19">
        <v>221</v>
      </c>
      <c r="F60" s="19"/>
      <c r="G60" s="18" t="s">
        <v>118</v>
      </c>
      <c r="H60" s="17"/>
      <c r="I60" s="13">
        <v>41</v>
      </c>
      <c r="J60" s="19">
        <v>9</v>
      </c>
      <c r="K60" s="19">
        <v>32</v>
      </c>
    </row>
    <row r="61" spans="1:11" ht="15" customHeight="1">
      <c r="A61" s="17" t="s">
        <v>119</v>
      </c>
      <c r="B61" s="17"/>
      <c r="C61" s="13">
        <v>524</v>
      </c>
      <c r="D61" s="19">
        <v>261</v>
      </c>
      <c r="E61" s="19">
        <v>263</v>
      </c>
      <c r="F61" s="19"/>
      <c r="G61" s="18" t="s">
        <v>120</v>
      </c>
      <c r="H61" s="17"/>
      <c r="I61" s="13">
        <v>43</v>
      </c>
      <c r="J61" s="19">
        <v>7</v>
      </c>
      <c r="K61" s="19">
        <v>36</v>
      </c>
    </row>
    <row r="62" spans="1:11" ht="15" customHeight="1">
      <c r="A62" s="17" t="s">
        <v>121</v>
      </c>
      <c r="B62" s="17"/>
      <c r="C62" s="13">
        <v>514</v>
      </c>
      <c r="D62" s="19">
        <v>268</v>
      </c>
      <c r="E62" s="19">
        <v>246</v>
      </c>
      <c r="F62" s="19"/>
      <c r="G62" s="18" t="s">
        <v>122</v>
      </c>
      <c r="H62" s="17"/>
      <c r="I62" s="13">
        <v>31</v>
      </c>
      <c r="J62" s="19">
        <v>2</v>
      </c>
      <c r="K62" s="19">
        <v>29</v>
      </c>
    </row>
    <row r="63" spans="1:11" ht="15" customHeight="1">
      <c r="A63" s="17" t="s">
        <v>123</v>
      </c>
      <c r="B63" s="17"/>
      <c r="C63" s="13">
        <v>523</v>
      </c>
      <c r="D63" s="19">
        <v>264</v>
      </c>
      <c r="E63" s="19">
        <v>259</v>
      </c>
      <c r="F63" s="19"/>
      <c r="G63" s="18" t="s">
        <v>124</v>
      </c>
      <c r="H63" s="17"/>
      <c r="I63" s="13">
        <v>16</v>
      </c>
      <c r="J63" s="19">
        <v>2</v>
      </c>
      <c r="K63" s="19">
        <v>14</v>
      </c>
    </row>
    <row r="64" spans="1:11" ht="15" customHeight="1">
      <c r="A64" s="17" t="s">
        <v>125</v>
      </c>
      <c r="B64" s="17"/>
      <c r="C64" s="13">
        <v>505</v>
      </c>
      <c r="D64" s="19">
        <v>244</v>
      </c>
      <c r="E64" s="19">
        <v>261</v>
      </c>
      <c r="F64" s="19"/>
      <c r="G64" s="18" t="s">
        <v>126</v>
      </c>
      <c r="H64" s="17"/>
      <c r="I64" s="13">
        <v>8</v>
      </c>
      <c r="J64" s="19">
        <v>1</v>
      </c>
      <c r="K64" s="19">
        <v>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9</v>
      </c>
      <c r="J65" s="19">
        <v>2</v>
      </c>
      <c r="K65" s="19">
        <v>1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0</v>
      </c>
      <c r="J66" s="29">
        <v>15</v>
      </c>
      <c r="K66" s="29">
        <v>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7507</v>
      </c>
      <c r="D4" s="14">
        <v>13231</v>
      </c>
      <c r="E4" s="14">
        <v>1427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58</v>
      </c>
      <c r="D5" s="14">
        <v>384</v>
      </c>
      <c r="E5" s="14">
        <v>374</v>
      </c>
      <c r="F5" s="14"/>
      <c r="G5" s="18" t="s">
        <v>8</v>
      </c>
      <c r="H5" s="17"/>
      <c r="I5" s="13">
        <v>2060</v>
      </c>
      <c r="J5" s="14">
        <v>1056</v>
      </c>
      <c r="K5" s="14">
        <v>1004</v>
      </c>
    </row>
    <row r="6" spans="1:11" ht="15" customHeight="1">
      <c r="A6" s="17" t="s">
        <v>9</v>
      </c>
      <c r="B6" s="17"/>
      <c r="C6" s="13">
        <v>124</v>
      </c>
      <c r="D6" s="19">
        <v>64</v>
      </c>
      <c r="E6" s="19">
        <v>60</v>
      </c>
      <c r="F6" s="19"/>
      <c r="G6" s="18" t="s">
        <v>10</v>
      </c>
      <c r="H6" s="17"/>
      <c r="I6" s="13">
        <v>450</v>
      </c>
      <c r="J6" s="19">
        <v>239</v>
      </c>
      <c r="K6" s="19">
        <v>211</v>
      </c>
    </row>
    <row r="7" spans="1:11" ht="15" customHeight="1">
      <c r="A7" s="17" t="s">
        <v>11</v>
      </c>
      <c r="B7" s="17"/>
      <c r="C7" s="13">
        <v>128</v>
      </c>
      <c r="D7" s="19">
        <v>70</v>
      </c>
      <c r="E7" s="19">
        <v>58</v>
      </c>
      <c r="F7" s="19"/>
      <c r="G7" s="18" t="s">
        <v>12</v>
      </c>
      <c r="H7" s="17"/>
      <c r="I7" s="13">
        <v>380</v>
      </c>
      <c r="J7" s="19">
        <v>198</v>
      </c>
      <c r="K7" s="19">
        <v>182</v>
      </c>
    </row>
    <row r="8" spans="1:11" ht="15" customHeight="1">
      <c r="A8" s="17" t="s">
        <v>13</v>
      </c>
      <c r="B8" s="17"/>
      <c r="C8" s="13">
        <v>159</v>
      </c>
      <c r="D8" s="19">
        <v>76</v>
      </c>
      <c r="E8" s="19">
        <v>83</v>
      </c>
      <c r="F8" s="19"/>
      <c r="G8" s="18" t="s">
        <v>14</v>
      </c>
      <c r="H8" s="17"/>
      <c r="I8" s="13">
        <v>454</v>
      </c>
      <c r="J8" s="19">
        <v>218</v>
      </c>
      <c r="K8" s="19">
        <v>236</v>
      </c>
    </row>
    <row r="9" spans="1:11" ht="15" customHeight="1">
      <c r="A9" s="17" t="s">
        <v>15</v>
      </c>
      <c r="B9" s="17"/>
      <c r="C9" s="13">
        <v>159</v>
      </c>
      <c r="D9" s="19">
        <v>86</v>
      </c>
      <c r="E9" s="19">
        <v>73</v>
      </c>
      <c r="F9" s="19"/>
      <c r="G9" s="18" t="s">
        <v>16</v>
      </c>
      <c r="H9" s="17"/>
      <c r="I9" s="13">
        <v>443</v>
      </c>
      <c r="J9" s="19">
        <v>243</v>
      </c>
      <c r="K9" s="19">
        <v>200</v>
      </c>
    </row>
    <row r="10" spans="1:11" ht="15" customHeight="1">
      <c r="A10" s="17" t="s">
        <v>17</v>
      </c>
      <c r="B10" s="17"/>
      <c r="C10" s="13">
        <v>188</v>
      </c>
      <c r="D10" s="19">
        <v>88</v>
      </c>
      <c r="E10" s="19">
        <v>100</v>
      </c>
      <c r="F10" s="19"/>
      <c r="G10" s="18" t="s">
        <v>18</v>
      </c>
      <c r="H10" s="17"/>
      <c r="I10" s="13">
        <v>333</v>
      </c>
      <c r="J10" s="19">
        <v>158</v>
      </c>
      <c r="K10" s="19">
        <v>175</v>
      </c>
    </row>
    <row r="11" spans="1:11" ht="20.100000000000001" customHeight="1">
      <c r="A11" s="17" t="s">
        <v>19</v>
      </c>
      <c r="B11" s="17"/>
      <c r="C11" s="13">
        <v>944</v>
      </c>
      <c r="D11" s="14">
        <v>492</v>
      </c>
      <c r="E11" s="14">
        <v>452</v>
      </c>
      <c r="F11" s="14"/>
      <c r="G11" s="18" t="s">
        <v>20</v>
      </c>
      <c r="H11" s="17"/>
      <c r="I11" s="13">
        <v>1899</v>
      </c>
      <c r="J11" s="14">
        <v>927</v>
      </c>
      <c r="K11" s="14">
        <v>972</v>
      </c>
    </row>
    <row r="12" spans="1:11" ht="15" customHeight="1">
      <c r="A12" s="17" t="s">
        <v>21</v>
      </c>
      <c r="B12" s="17"/>
      <c r="C12" s="13">
        <v>179</v>
      </c>
      <c r="D12" s="19">
        <v>104</v>
      </c>
      <c r="E12" s="19">
        <v>75</v>
      </c>
      <c r="F12" s="19"/>
      <c r="G12" s="18" t="s">
        <v>22</v>
      </c>
      <c r="H12" s="17"/>
      <c r="I12" s="13">
        <v>441</v>
      </c>
      <c r="J12" s="19">
        <v>223</v>
      </c>
      <c r="K12" s="19">
        <v>218</v>
      </c>
    </row>
    <row r="13" spans="1:11" ht="15" customHeight="1">
      <c r="A13" s="17" t="s">
        <v>23</v>
      </c>
      <c r="B13" s="17"/>
      <c r="C13" s="13">
        <v>178</v>
      </c>
      <c r="D13" s="19">
        <v>95</v>
      </c>
      <c r="E13" s="19">
        <v>83</v>
      </c>
      <c r="F13" s="19"/>
      <c r="G13" s="18" t="s">
        <v>24</v>
      </c>
      <c r="H13" s="17"/>
      <c r="I13" s="13">
        <v>400</v>
      </c>
      <c r="J13" s="19">
        <v>192</v>
      </c>
      <c r="K13" s="19">
        <v>208</v>
      </c>
    </row>
    <row r="14" spans="1:11" ht="15" customHeight="1">
      <c r="A14" s="17" t="s">
        <v>25</v>
      </c>
      <c r="B14" s="17"/>
      <c r="C14" s="13">
        <v>196</v>
      </c>
      <c r="D14" s="19">
        <v>88</v>
      </c>
      <c r="E14" s="19">
        <v>108</v>
      </c>
      <c r="F14" s="19"/>
      <c r="G14" s="18" t="s">
        <v>26</v>
      </c>
      <c r="H14" s="17"/>
      <c r="I14" s="13">
        <v>342</v>
      </c>
      <c r="J14" s="19">
        <v>159</v>
      </c>
      <c r="K14" s="19">
        <v>183</v>
      </c>
    </row>
    <row r="15" spans="1:11" ht="15" customHeight="1">
      <c r="A15" s="17" t="s">
        <v>27</v>
      </c>
      <c r="B15" s="17"/>
      <c r="C15" s="13">
        <v>200</v>
      </c>
      <c r="D15" s="19">
        <v>106</v>
      </c>
      <c r="E15" s="19">
        <v>94</v>
      </c>
      <c r="F15" s="19"/>
      <c r="G15" s="18" t="s">
        <v>28</v>
      </c>
      <c r="H15" s="17"/>
      <c r="I15" s="13">
        <v>376</v>
      </c>
      <c r="J15" s="19">
        <v>198</v>
      </c>
      <c r="K15" s="19">
        <v>178</v>
      </c>
    </row>
    <row r="16" spans="1:11" ht="15" customHeight="1">
      <c r="A16" s="17" t="s">
        <v>29</v>
      </c>
      <c r="B16" s="17"/>
      <c r="C16" s="13">
        <v>191</v>
      </c>
      <c r="D16" s="19">
        <v>99</v>
      </c>
      <c r="E16" s="19">
        <v>92</v>
      </c>
      <c r="F16" s="19"/>
      <c r="G16" s="18" t="s">
        <v>30</v>
      </c>
      <c r="H16" s="17"/>
      <c r="I16" s="13">
        <v>340</v>
      </c>
      <c r="J16" s="19">
        <v>155</v>
      </c>
      <c r="K16" s="19">
        <v>185</v>
      </c>
    </row>
    <row r="17" spans="1:11" ht="20.100000000000001" customHeight="1">
      <c r="A17" s="20" t="s">
        <v>31</v>
      </c>
      <c r="B17" s="20"/>
      <c r="C17" s="13">
        <v>1095</v>
      </c>
      <c r="D17" s="14">
        <v>573</v>
      </c>
      <c r="E17" s="14">
        <v>522</v>
      </c>
      <c r="F17" s="14"/>
      <c r="G17" s="18" t="s">
        <v>32</v>
      </c>
      <c r="H17" s="17"/>
      <c r="I17" s="13">
        <v>1752</v>
      </c>
      <c r="J17" s="14">
        <v>869</v>
      </c>
      <c r="K17" s="14">
        <v>883</v>
      </c>
    </row>
    <row r="18" spans="1:11" ht="15" customHeight="1">
      <c r="A18" s="17" t="s">
        <v>33</v>
      </c>
      <c r="B18" s="17"/>
      <c r="C18" s="13">
        <v>202</v>
      </c>
      <c r="D18" s="19">
        <v>119</v>
      </c>
      <c r="E18" s="19">
        <v>83</v>
      </c>
      <c r="F18" s="19"/>
      <c r="G18" s="18" t="s">
        <v>34</v>
      </c>
      <c r="H18" s="17"/>
      <c r="I18" s="13">
        <v>350</v>
      </c>
      <c r="J18" s="19">
        <v>168</v>
      </c>
      <c r="K18" s="19">
        <v>182</v>
      </c>
    </row>
    <row r="19" spans="1:11" ht="15" customHeight="1">
      <c r="A19" s="17" t="s">
        <v>35</v>
      </c>
      <c r="B19" s="17"/>
      <c r="C19" s="13">
        <v>229</v>
      </c>
      <c r="D19" s="19">
        <v>102</v>
      </c>
      <c r="E19" s="19">
        <v>127</v>
      </c>
      <c r="F19" s="19"/>
      <c r="G19" s="18" t="s">
        <v>36</v>
      </c>
      <c r="H19" s="17"/>
      <c r="I19" s="13">
        <v>370</v>
      </c>
      <c r="J19" s="19">
        <v>182</v>
      </c>
      <c r="K19" s="19">
        <v>188</v>
      </c>
    </row>
    <row r="20" spans="1:11" ht="15" customHeight="1">
      <c r="A20" s="17" t="s">
        <v>37</v>
      </c>
      <c r="B20" s="17"/>
      <c r="C20" s="13">
        <v>188</v>
      </c>
      <c r="D20" s="19">
        <v>99</v>
      </c>
      <c r="E20" s="19">
        <v>89</v>
      </c>
      <c r="F20" s="19"/>
      <c r="G20" s="18" t="s">
        <v>38</v>
      </c>
      <c r="H20" s="17"/>
      <c r="I20" s="13">
        <v>373</v>
      </c>
      <c r="J20" s="19">
        <v>186</v>
      </c>
      <c r="K20" s="19">
        <v>187</v>
      </c>
    </row>
    <row r="21" spans="1:11" ht="15" customHeight="1">
      <c r="A21" s="17" t="s">
        <v>39</v>
      </c>
      <c r="B21" s="17"/>
      <c r="C21" s="13">
        <v>232</v>
      </c>
      <c r="D21" s="19">
        <v>121</v>
      </c>
      <c r="E21" s="19">
        <v>111</v>
      </c>
      <c r="F21" s="19"/>
      <c r="G21" s="18" t="s">
        <v>40</v>
      </c>
      <c r="H21" s="17"/>
      <c r="I21" s="13">
        <v>293</v>
      </c>
      <c r="J21" s="19">
        <v>156</v>
      </c>
      <c r="K21" s="19">
        <v>137</v>
      </c>
    </row>
    <row r="22" spans="1:11" ht="15" customHeight="1">
      <c r="A22" s="17" t="s">
        <v>41</v>
      </c>
      <c r="B22" s="17"/>
      <c r="C22" s="13">
        <v>244</v>
      </c>
      <c r="D22" s="19">
        <v>132</v>
      </c>
      <c r="E22" s="19">
        <v>112</v>
      </c>
      <c r="F22" s="19"/>
      <c r="G22" s="18" t="s">
        <v>42</v>
      </c>
      <c r="H22" s="17"/>
      <c r="I22" s="13">
        <v>366</v>
      </c>
      <c r="J22" s="19">
        <v>177</v>
      </c>
      <c r="K22" s="19">
        <v>189</v>
      </c>
    </row>
    <row r="23" spans="1:11" ht="20.100000000000001" customHeight="1">
      <c r="A23" s="17" t="s">
        <v>43</v>
      </c>
      <c r="B23" s="17"/>
      <c r="C23" s="13">
        <v>1191</v>
      </c>
      <c r="D23" s="14">
        <v>608</v>
      </c>
      <c r="E23" s="14">
        <v>583</v>
      </c>
      <c r="F23" s="14"/>
      <c r="G23" s="18" t="s">
        <v>44</v>
      </c>
      <c r="H23" s="17"/>
      <c r="I23" s="13">
        <v>1843</v>
      </c>
      <c r="J23" s="14">
        <v>877</v>
      </c>
      <c r="K23" s="14">
        <v>966</v>
      </c>
    </row>
    <row r="24" spans="1:11" ht="15" customHeight="1">
      <c r="A24" s="17" t="s">
        <v>45</v>
      </c>
      <c r="B24" s="17"/>
      <c r="C24" s="13">
        <v>226</v>
      </c>
      <c r="D24" s="19">
        <v>112</v>
      </c>
      <c r="E24" s="19">
        <v>114</v>
      </c>
      <c r="F24" s="19"/>
      <c r="G24" s="18" t="s">
        <v>46</v>
      </c>
      <c r="H24" s="17"/>
      <c r="I24" s="13">
        <v>378</v>
      </c>
      <c r="J24" s="19">
        <v>189</v>
      </c>
      <c r="K24" s="19">
        <v>189</v>
      </c>
    </row>
    <row r="25" spans="1:11" ht="15" customHeight="1">
      <c r="A25" s="17" t="s">
        <v>47</v>
      </c>
      <c r="B25" s="17"/>
      <c r="C25" s="13">
        <v>225</v>
      </c>
      <c r="D25" s="19">
        <v>115</v>
      </c>
      <c r="E25" s="19">
        <v>110</v>
      </c>
      <c r="F25" s="19"/>
      <c r="G25" s="18" t="s">
        <v>48</v>
      </c>
      <c r="H25" s="17"/>
      <c r="I25" s="13">
        <v>329</v>
      </c>
      <c r="J25" s="19">
        <v>159</v>
      </c>
      <c r="K25" s="19">
        <v>170</v>
      </c>
    </row>
    <row r="26" spans="1:11" ht="15" customHeight="1">
      <c r="A26" s="17" t="s">
        <v>49</v>
      </c>
      <c r="B26" s="17"/>
      <c r="C26" s="13">
        <v>242</v>
      </c>
      <c r="D26" s="19">
        <v>126</v>
      </c>
      <c r="E26" s="19">
        <v>116</v>
      </c>
      <c r="F26" s="19"/>
      <c r="G26" s="18" t="s">
        <v>50</v>
      </c>
      <c r="H26" s="17"/>
      <c r="I26" s="13">
        <v>345</v>
      </c>
      <c r="J26" s="19">
        <v>175</v>
      </c>
      <c r="K26" s="19">
        <v>170</v>
      </c>
    </row>
    <row r="27" spans="1:11" ht="15" customHeight="1">
      <c r="A27" s="17" t="s">
        <v>51</v>
      </c>
      <c r="B27" s="17"/>
      <c r="C27" s="13">
        <v>240</v>
      </c>
      <c r="D27" s="19">
        <v>127</v>
      </c>
      <c r="E27" s="19">
        <v>113</v>
      </c>
      <c r="F27" s="19"/>
      <c r="G27" s="18" t="s">
        <v>52</v>
      </c>
      <c r="H27" s="17"/>
      <c r="I27" s="13">
        <v>391</v>
      </c>
      <c r="J27" s="19">
        <v>184</v>
      </c>
      <c r="K27" s="19">
        <v>207</v>
      </c>
    </row>
    <row r="28" spans="1:11" ht="15" customHeight="1">
      <c r="A28" s="17" t="s">
        <v>53</v>
      </c>
      <c r="B28" s="17"/>
      <c r="C28" s="13">
        <v>258</v>
      </c>
      <c r="D28" s="19">
        <v>128</v>
      </c>
      <c r="E28" s="19">
        <v>130</v>
      </c>
      <c r="F28" s="19"/>
      <c r="G28" s="18" t="s">
        <v>54</v>
      </c>
      <c r="H28" s="17"/>
      <c r="I28" s="13">
        <v>400</v>
      </c>
      <c r="J28" s="19">
        <v>170</v>
      </c>
      <c r="K28" s="19">
        <v>230</v>
      </c>
    </row>
    <row r="29" spans="1:11" ht="20.100000000000001" customHeight="1">
      <c r="A29" s="17" t="s">
        <v>55</v>
      </c>
      <c r="B29" s="17"/>
      <c r="C29" s="13">
        <v>1120</v>
      </c>
      <c r="D29" s="14">
        <v>547</v>
      </c>
      <c r="E29" s="14">
        <v>573</v>
      </c>
      <c r="F29" s="14"/>
      <c r="G29" s="18" t="s">
        <v>56</v>
      </c>
      <c r="H29" s="17"/>
      <c r="I29" s="13">
        <v>2509</v>
      </c>
      <c r="J29" s="14">
        <v>1175</v>
      </c>
      <c r="K29" s="14">
        <v>1334</v>
      </c>
    </row>
    <row r="30" spans="1:11" ht="15" customHeight="1">
      <c r="A30" s="17" t="s">
        <v>57</v>
      </c>
      <c r="B30" s="17"/>
      <c r="C30" s="13">
        <v>242</v>
      </c>
      <c r="D30" s="19">
        <v>113</v>
      </c>
      <c r="E30" s="19">
        <v>129</v>
      </c>
      <c r="F30" s="19"/>
      <c r="G30" s="18" t="s">
        <v>58</v>
      </c>
      <c r="H30" s="17"/>
      <c r="I30" s="13">
        <v>465</v>
      </c>
      <c r="J30" s="19">
        <v>215</v>
      </c>
      <c r="K30" s="19">
        <v>250</v>
      </c>
    </row>
    <row r="31" spans="1:11" ht="15" customHeight="1">
      <c r="A31" s="17" t="s">
        <v>59</v>
      </c>
      <c r="B31" s="17"/>
      <c r="C31" s="13">
        <v>226</v>
      </c>
      <c r="D31" s="19">
        <v>115</v>
      </c>
      <c r="E31" s="19">
        <v>111</v>
      </c>
      <c r="F31" s="19"/>
      <c r="G31" s="18" t="s">
        <v>60</v>
      </c>
      <c r="H31" s="17"/>
      <c r="I31" s="13">
        <v>544</v>
      </c>
      <c r="J31" s="19">
        <v>254</v>
      </c>
      <c r="K31" s="19">
        <v>290</v>
      </c>
    </row>
    <row r="32" spans="1:11" ht="15" customHeight="1">
      <c r="A32" s="17" t="s">
        <v>61</v>
      </c>
      <c r="B32" s="17"/>
      <c r="C32" s="13">
        <v>232</v>
      </c>
      <c r="D32" s="19">
        <v>120</v>
      </c>
      <c r="E32" s="19">
        <v>112</v>
      </c>
      <c r="F32" s="19"/>
      <c r="G32" s="18" t="s">
        <v>62</v>
      </c>
      <c r="H32" s="17"/>
      <c r="I32" s="13">
        <v>568</v>
      </c>
      <c r="J32" s="19">
        <v>254</v>
      </c>
      <c r="K32" s="19">
        <v>314</v>
      </c>
    </row>
    <row r="33" spans="1:11" ht="15" customHeight="1">
      <c r="A33" s="17" t="s">
        <v>63</v>
      </c>
      <c r="B33" s="17"/>
      <c r="C33" s="13">
        <v>222</v>
      </c>
      <c r="D33" s="19">
        <v>106</v>
      </c>
      <c r="E33" s="19">
        <v>116</v>
      </c>
      <c r="F33" s="19"/>
      <c r="G33" s="18" t="s">
        <v>64</v>
      </c>
      <c r="H33" s="17"/>
      <c r="I33" s="13">
        <v>559</v>
      </c>
      <c r="J33" s="19">
        <v>263</v>
      </c>
      <c r="K33" s="19">
        <v>296</v>
      </c>
    </row>
    <row r="34" spans="1:11" ht="15" customHeight="1">
      <c r="A34" s="17" t="s">
        <v>65</v>
      </c>
      <c r="B34" s="17"/>
      <c r="C34" s="13">
        <v>198</v>
      </c>
      <c r="D34" s="19">
        <v>93</v>
      </c>
      <c r="E34" s="19">
        <v>105</v>
      </c>
      <c r="F34" s="19"/>
      <c r="G34" s="18" t="s">
        <v>66</v>
      </c>
      <c r="H34" s="17"/>
      <c r="I34" s="13">
        <v>373</v>
      </c>
      <c r="J34" s="19">
        <v>189</v>
      </c>
      <c r="K34" s="19">
        <v>184</v>
      </c>
    </row>
    <row r="35" spans="1:11" ht="20.100000000000001" customHeight="1">
      <c r="A35" s="17" t="s">
        <v>67</v>
      </c>
      <c r="B35" s="17"/>
      <c r="C35" s="13">
        <v>817</v>
      </c>
      <c r="D35" s="14">
        <v>398</v>
      </c>
      <c r="E35" s="14">
        <v>419</v>
      </c>
      <c r="F35" s="14"/>
      <c r="G35" s="18" t="s">
        <v>68</v>
      </c>
      <c r="H35" s="17"/>
      <c r="I35" s="13">
        <v>2098</v>
      </c>
      <c r="J35" s="14">
        <v>967</v>
      </c>
      <c r="K35" s="14">
        <v>1131</v>
      </c>
    </row>
    <row r="36" spans="1:11" ht="15" customHeight="1">
      <c r="A36" s="17" t="s">
        <v>69</v>
      </c>
      <c r="B36" s="17"/>
      <c r="C36" s="13">
        <v>196</v>
      </c>
      <c r="D36" s="19">
        <v>100</v>
      </c>
      <c r="E36" s="19">
        <v>96</v>
      </c>
      <c r="F36" s="19"/>
      <c r="G36" s="18" t="s">
        <v>70</v>
      </c>
      <c r="H36" s="17"/>
      <c r="I36" s="13">
        <v>365</v>
      </c>
      <c r="J36" s="19">
        <v>177</v>
      </c>
      <c r="K36" s="19">
        <v>188</v>
      </c>
    </row>
    <row r="37" spans="1:11" ht="15" customHeight="1">
      <c r="A37" s="17" t="s">
        <v>71</v>
      </c>
      <c r="B37" s="17"/>
      <c r="C37" s="13">
        <v>148</v>
      </c>
      <c r="D37" s="19">
        <v>70</v>
      </c>
      <c r="E37" s="19">
        <v>78</v>
      </c>
      <c r="F37" s="19"/>
      <c r="G37" s="18" t="s">
        <v>72</v>
      </c>
      <c r="H37" s="17"/>
      <c r="I37" s="13">
        <v>437</v>
      </c>
      <c r="J37" s="19">
        <v>188</v>
      </c>
      <c r="K37" s="19">
        <v>249</v>
      </c>
    </row>
    <row r="38" spans="1:11" ht="15" customHeight="1">
      <c r="A38" s="17" t="s">
        <v>73</v>
      </c>
      <c r="B38" s="17"/>
      <c r="C38" s="13">
        <v>140</v>
      </c>
      <c r="D38" s="19">
        <v>58</v>
      </c>
      <c r="E38" s="19">
        <v>82</v>
      </c>
      <c r="F38" s="19"/>
      <c r="G38" s="18" t="s">
        <v>74</v>
      </c>
      <c r="H38" s="17"/>
      <c r="I38" s="13">
        <v>456</v>
      </c>
      <c r="J38" s="19">
        <v>215</v>
      </c>
      <c r="K38" s="19">
        <v>241</v>
      </c>
    </row>
    <row r="39" spans="1:11" ht="15" customHeight="1">
      <c r="A39" s="17" t="s">
        <v>75</v>
      </c>
      <c r="B39" s="17"/>
      <c r="C39" s="13">
        <v>168</v>
      </c>
      <c r="D39" s="19">
        <v>84</v>
      </c>
      <c r="E39" s="19">
        <v>84</v>
      </c>
      <c r="F39" s="19"/>
      <c r="G39" s="18" t="s">
        <v>76</v>
      </c>
      <c r="H39" s="17"/>
      <c r="I39" s="13">
        <v>433</v>
      </c>
      <c r="J39" s="19">
        <v>209</v>
      </c>
      <c r="K39" s="19">
        <v>224</v>
      </c>
    </row>
    <row r="40" spans="1:11" ht="15" customHeight="1">
      <c r="A40" s="17" t="s">
        <v>77</v>
      </c>
      <c r="B40" s="17"/>
      <c r="C40" s="13">
        <v>165</v>
      </c>
      <c r="D40" s="19">
        <v>86</v>
      </c>
      <c r="E40" s="19">
        <v>79</v>
      </c>
      <c r="F40" s="19"/>
      <c r="G40" s="18" t="s">
        <v>78</v>
      </c>
      <c r="H40" s="17"/>
      <c r="I40" s="13">
        <v>407</v>
      </c>
      <c r="J40" s="19">
        <v>178</v>
      </c>
      <c r="K40" s="19">
        <v>229</v>
      </c>
    </row>
    <row r="41" spans="1:11" ht="20.100000000000001" customHeight="1">
      <c r="A41" s="17" t="s">
        <v>79</v>
      </c>
      <c r="B41" s="17"/>
      <c r="C41" s="13">
        <v>1035</v>
      </c>
      <c r="D41" s="14">
        <v>511</v>
      </c>
      <c r="E41" s="14">
        <v>524</v>
      </c>
      <c r="F41" s="14"/>
      <c r="G41" s="18" t="s">
        <v>80</v>
      </c>
      <c r="H41" s="17"/>
      <c r="I41" s="13">
        <v>1622</v>
      </c>
      <c r="J41" s="14">
        <v>730</v>
      </c>
      <c r="K41" s="14">
        <v>892</v>
      </c>
    </row>
    <row r="42" spans="1:11" ht="15" customHeight="1">
      <c r="A42" s="17" t="s">
        <v>81</v>
      </c>
      <c r="B42" s="17"/>
      <c r="C42" s="13">
        <v>167</v>
      </c>
      <c r="D42" s="19">
        <v>87</v>
      </c>
      <c r="E42" s="19">
        <v>80</v>
      </c>
      <c r="F42" s="19"/>
      <c r="G42" s="18" t="s">
        <v>82</v>
      </c>
      <c r="H42" s="17"/>
      <c r="I42" s="13">
        <v>392</v>
      </c>
      <c r="J42" s="19">
        <v>184</v>
      </c>
      <c r="K42" s="19">
        <v>208</v>
      </c>
    </row>
    <row r="43" spans="1:11" ht="15" customHeight="1">
      <c r="A43" s="17" t="s">
        <v>83</v>
      </c>
      <c r="B43" s="17"/>
      <c r="C43" s="13">
        <v>190</v>
      </c>
      <c r="D43" s="19">
        <v>90</v>
      </c>
      <c r="E43" s="19">
        <v>100</v>
      </c>
      <c r="F43" s="19"/>
      <c r="G43" s="18" t="s">
        <v>84</v>
      </c>
      <c r="H43" s="17"/>
      <c r="I43" s="13">
        <v>325</v>
      </c>
      <c r="J43" s="19">
        <v>152</v>
      </c>
      <c r="K43" s="19">
        <v>173</v>
      </c>
    </row>
    <row r="44" spans="1:11" ht="15" customHeight="1">
      <c r="A44" s="17" t="s">
        <v>85</v>
      </c>
      <c r="B44" s="17"/>
      <c r="C44" s="13">
        <v>224</v>
      </c>
      <c r="D44" s="19">
        <v>115</v>
      </c>
      <c r="E44" s="19">
        <v>109</v>
      </c>
      <c r="F44" s="19"/>
      <c r="G44" s="18" t="s">
        <v>86</v>
      </c>
      <c r="H44" s="17"/>
      <c r="I44" s="13">
        <v>303</v>
      </c>
      <c r="J44" s="19">
        <v>126</v>
      </c>
      <c r="K44" s="19">
        <v>177</v>
      </c>
    </row>
    <row r="45" spans="1:11" ht="15" customHeight="1">
      <c r="A45" s="17" t="s">
        <v>87</v>
      </c>
      <c r="B45" s="17"/>
      <c r="C45" s="13">
        <v>223</v>
      </c>
      <c r="D45" s="19">
        <v>103</v>
      </c>
      <c r="E45" s="19">
        <v>120</v>
      </c>
      <c r="F45" s="19"/>
      <c r="G45" s="18" t="s">
        <v>88</v>
      </c>
      <c r="H45" s="17"/>
      <c r="I45" s="13">
        <v>331</v>
      </c>
      <c r="J45" s="19">
        <v>141</v>
      </c>
      <c r="K45" s="19">
        <v>190</v>
      </c>
    </row>
    <row r="46" spans="1:11" ht="15" customHeight="1">
      <c r="A46" s="17" t="s">
        <v>89</v>
      </c>
      <c r="B46" s="17"/>
      <c r="C46" s="13">
        <v>231</v>
      </c>
      <c r="D46" s="19">
        <v>116</v>
      </c>
      <c r="E46" s="19">
        <v>115</v>
      </c>
      <c r="F46" s="19"/>
      <c r="G46" s="18" t="s">
        <v>90</v>
      </c>
      <c r="H46" s="17"/>
      <c r="I46" s="13">
        <v>271</v>
      </c>
      <c r="J46" s="19">
        <v>127</v>
      </c>
      <c r="K46" s="19">
        <v>144</v>
      </c>
    </row>
    <row r="47" spans="1:11" ht="20.100000000000001" customHeight="1">
      <c r="A47" s="17" t="s">
        <v>91</v>
      </c>
      <c r="B47" s="17"/>
      <c r="C47" s="13">
        <v>1260</v>
      </c>
      <c r="D47" s="14">
        <v>624</v>
      </c>
      <c r="E47" s="14">
        <v>636</v>
      </c>
      <c r="F47" s="14"/>
      <c r="G47" s="18" t="s">
        <v>92</v>
      </c>
      <c r="H47" s="17"/>
      <c r="I47" s="13">
        <v>1025</v>
      </c>
      <c r="J47" s="14">
        <v>405</v>
      </c>
      <c r="K47" s="14">
        <v>620</v>
      </c>
    </row>
    <row r="48" spans="1:11" ht="15" customHeight="1">
      <c r="A48" s="17" t="s">
        <v>93</v>
      </c>
      <c r="B48" s="17"/>
      <c r="C48" s="13">
        <v>206</v>
      </c>
      <c r="D48" s="19">
        <v>92</v>
      </c>
      <c r="E48" s="19">
        <v>114</v>
      </c>
      <c r="F48" s="19"/>
      <c r="G48" s="18" t="s">
        <v>94</v>
      </c>
      <c r="H48" s="17"/>
      <c r="I48" s="13">
        <v>265</v>
      </c>
      <c r="J48" s="19">
        <v>118</v>
      </c>
      <c r="K48" s="19">
        <v>147</v>
      </c>
    </row>
    <row r="49" spans="1:11" ht="15" customHeight="1">
      <c r="A49" s="17" t="s">
        <v>95</v>
      </c>
      <c r="B49" s="17"/>
      <c r="C49" s="13">
        <v>232</v>
      </c>
      <c r="D49" s="19">
        <v>109</v>
      </c>
      <c r="E49" s="19">
        <v>123</v>
      </c>
      <c r="F49" s="19"/>
      <c r="G49" s="18" t="s">
        <v>96</v>
      </c>
      <c r="H49" s="17"/>
      <c r="I49" s="13">
        <v>214</v>
      </c>
      <c r="J49" s="19">
        <v>81</v>
      </c>
      <c r="K49" s="19">
        <v>133</v>
      </c>
    </row>
    <row r="50" spans="1:11" ht="15" customHeight="1">
      <c r="A50" s="17" t="s">
        <v>97</v>
      </c>
      <c r="B50" s="17"/>
      <c r="C50" s="13">
        <v>258</v>
      </c>
      <c r="D50" s="19">
        <v>120</v>
      </c>
      <c r="E50" s="19">
        <v>138</v>
      </c>
      <c r="F50" s="19"/>
      <c r="G50" s="18" t="s">
        <v>98</v>
      </c>
      <c r="H50" s="17"/>
      <c r="I50" s="13">
        <v>213</v>
      </c>
      <c r="J50" s="19">
        <v>85</v>
      </c>
      <c r="K50" s="19">
        <v>128</v>
      </c>
    </row>
    <row r="51" spans="1:11" ht="15" customHeight="1">
      <c r="A51" s="17" t="s">
        <v>99</v>
      </c>
      <c r="B51" s="17"/>
      <c r="C51" s="13">
        <v>259</v>
      </c>
      <c r="D51" s="19">
        <v>130</v>
      </c>
      <c r="E51" s="19">
        <v>129</v>
      </c>
      <c r="F51" s="19"/>
      <c r="G51" s="18" t="s">
        <v>100</v>
      </c>
      <c r="H51" s="17"/>
      <c r="I51" s="13">
        <v>180</v>
      </c>
      <c r="J51" s="19">
        <v>63</v>
      </c>
      <c r="K51" s="19">
        <v>117</v>
      </c>
    </row>
    <row r="52" spans="1:11" ht="15" customHeight="1">
      <c r="A52" s="17" t="s">
        <v>101</v>
      </c>
      <c r="B52" s="17"/>
      <c r="C52" s="13">
        <v>305</v>
      </c>
      <c r="D52" s="19">
        <v>173</v>
      </c>
      <c r="E52" s="19">
        <v>132</v>
      </c>
      <c r="F52" s="19"/>
      <c r="G52" s="18" t="s">
        <v>102</v>
      </c>
      <c r="H52" s="17"/>
      <c r="I52" s="13">
        <v>153</v>
      </c>
      <c r="J52" s="19">
        <v>58</v>
      </c>
      <c r="K52" s="19">
        <v>95</v>
      </c>
    </row>
    <row r="53" spans="1:11" ht="20.100000000000001" customHeight="1">
      <c r="A53" s="17" t="s">
        <v>103</v>
      </c>
      <c r="B53" s="17"/>
      <c r="C53" s="13">
        <v>1672</v>
      </c>
      <c r="D53" s="14">
        <v>821</v>
      </c>
      <c r="E53" s="14">
        <v>851</v>
      </c>
      <c r="F53" s="14"/>
      <c r="G53" s="18" t="s">
        <v>104</v>
      </c>
      <c r="H53" s="17"/>
      <c r="I53" s="13">
        <v>457</v>
      </c>
      <c r="J53" s="14">
        <v>154</v>
      </c>
      <c r="K53" s="14">
        <v>303</v>
      </c>
    </row>
    <row r="54" spans="1:11" ht="15" customHeight="1">
      <c r="A54" s="17" t="s">
        <v>105</v>
      </c>
      <c r="B54" s="17"/>
      <c r="C54" s="13">
        <v>319</v>
      </c>
      <c r="D54" s="19">
        <v>157</v>
      </c>
      <c r="E54" s="19">
        <v>162</v>
      </c>
      <c r="F54" s="19"/>
      <c r="G54" s="18" t="s">
        <v>106</v>
      </c>
      <c r="H54" s="17"/>
      <c r="I54" s="13">
        <v>132</v>
      </c>
      <c r="J54" s="19">
        <v>53</v>
      </c>
      <c r="K54" s="19">
        <v>79</v>
      </c>
    </row>
    <row r="55" spans="1:11" ht="15" customHeight="1">
      <c r="A55" s="17" t="s">
        <v>107</v>
      </c>
      <c r="B55" s="17"/>
      <c r="C55" s="13">
        <v>314</v>
      </c>
      <c r="D55" s="19">
        <v>154</v>
      </c>
      <c r="E55" s="19">
        <v>160</v>
      </c>
      <c r="F55" s="19"/>
      <c r="G55" s="18" t="s">
        <v>108</v>
      </c>
      <c r="H55" s="17"/>
      <c r="I55" s="13">
        <v>92</v>
      </c>
      <c r="J55" s="19">
        <v>29</v>
      </c>
      <c r="K55" s="19">
        <v>63</v>
      </c>
    </row>
    <row r="56" spans="1:11" ht="15" customHeight="1">
      <c r="A56" s="17" t="s">
        <v>109</v>
      </c>
      <c r="B56" s="17"/>
      <c r="C56" s="13">
        <v>334</v>
      </c>
      <c r="D56" s="19">
        <v>188</v>
      </c>
      <c r="E56" s="19">
        <v>146</v>
      </c>
      <c r="F56" s="19"/>
      <c r="G56" s="18" t="s">
        <v>110</v>
      </c>
      <c r="H56" s="17"/>
      <c r="I56" s="13">
        <v>108</v>
      </c>
      <c r="J56" s="19">
        <v>25</v>
      </c>
      <c r="K56" s="19">
        <v>83</v>
      </c>
    </row>
    <row r="57" spans="1:11" ht="15" customHeight="1">
      <c r="A57" s="17" t="s">
        <v>111</v>
      </c>
      <c r="B57" s="17"/>
      <c r="C57" s="13">
        <v>354</v>
      </c>
      <c r="D57" s="19">
        <v>154</v>
      </c>
      <c r="E57" s="19">
        <v>200</v>
      </c>
      <c r="F57" s="19"/>
      <c r="G57" s="18" t="s">
        <v>112</v>
      </c>
      <c r="H57" s="17"/>
      <c r="I57" s="13">
        <v>71</v>
      </c>
      <c r="J57" s="19">
        <v>29</v>
      </c>
      <c r="K57" s="19">
        <v>42</v>
      </c>
    </row>
    <row r="58" spans="1:11" ht="15" customHeight="1">
      <c r="A58" s="17" t="s">
        <v>113</v>
      </c>
      <c r="B58" s="17"/>
      <c r="C58" s="13">
        <v>351</v>
      </c>
      <c r="D58" s="19">
        <v>168</v>
      </c>
      <c r="E58" s="19">
        <v>183</v>
      </c>
      <c r="F58" s="19"/>
      <c r="G58" s="18" t="s">
        <v>114</v>
      </c>
      <c r="H58" s="17"/>
      <c r="I58" s="13">
        <v>54</v>
      </c>
      <c r="J58" s="19">
        <v>18</v>
      </c>
      <c r="K58" s="19">
        <v>36</v>
      </c>
    </row>
    <row r="59" spans="1:11" ht="20.100000000000001" customHeight="1">
      <c r="A59" s="17" t="s">
        <v>115</v>
      </c>
      <c r="B59" s="17"/>
      <c r="C59" s="13">
        <v>2045</v>
      </c>
      <c r="D59" s="14">
        <v>1014</v>
      </c>
      <c r="E59" s="14">
        <v>1031</v>
      </c>
      <c r="F59" s="14"/>
      <c r="G59" s="18" t="s">
        <v>116</v>
      </c>
      <c r="H59" s="17"/>
      <c r="I59" s="13">
        <v>124</v>
      </c>
      <c r="J59" s="14">
        <v>25</v>
      </c>
      <c r="K59" s="14">
        <v>99</v>
      </c>
    </row>
    <row r="60" spans="1:11" ht="15" customHeight="1">
      <c r="A60" s="17" t="s">
        <v>117</v>
      </c>
      <c r="B60" s="17"/>
      <c r="C60" s="13">
        <v>369</v>
      </c>
      <c r="D60" s="19">
        <v>193</v>
      </c>
      <c r="E60" s="19">
        <v>176</v>
      </c>
      <c r="F60" s="19"/>
      <c r="G60" s="18" t="s">
        <v>118</v>
      </c>
      <c r="H60" s="17"/>
      <c r="I60" s="13">
        <v>45</v>
      </c>
      <c r="J60" s="19">
        <v>8</v>
      </c>
      <c r="K60" s="19">
        <v>37</v>
      </c>
    </row>
    <row r="61" spans="1:11" ht="15" customHeight="1">
      <c r="A61" s="17" t="s">
        <v>119</v>
      </c>
      <c r="B61" s="17"/>
      <c r="C61" s="13">
        <v>414</v>
      </c>
      <c r="D61" s="19">
        <v>209</v>
      </c>
      <c r="E61" s="19">
        <v>205</v>
      </c>
      <c r="F61" s="19"/>
      <c r="G61" s="18" t="s">
        <v>120</v>
      </c>
      <c r="H61" s="17"/>
      <c r="I61" s="13">
        <v>32</v>
      </c>
      <c r="J61" s="19">
        <v>6</v>
      </c>
      <c r="K61" s="19">
        <v>26</v>
      </c>
    </row>
    <row r="62" spans="1:11" ht="15" customHeight="1">
      <c r="A62" s="17" t="s">
        <v>121</v>
      </c>
      <c r="B62" s="17"/>
      <c r="C62" s="13">
        <v>436</v>
      </c>
      <c r="D62" s="19">
        <v>222</v>
      </c>
      <c r="E62" s="19">
        <v>214</v>
      </c>
      <c r="F62" s="19"/>
      <c r="G62" s="18" t="s">
        <v>122</v>
      </c>
      <c r="H62" s="17"/>
      <c r="I62" s="13">
        <v>20</v>
      </c>
      <c r="J62" s="19">
        <v>5</v>
      </c>
      <c r="K62" s="19">
        <v>15</v>
      </c>
    </row>
    <row r="63" spans="1:11" ht="15" customHeight="1">
      <c r="A63" s="17" t="s">
        <v>123</v>
      </c>
      <c r="B63" s="17"/>
      <c r="C63" s="13">
        <v>397</v>
      </c>
      <c r="D63" s="19">
        <v>190</v>
      </c>
      <c r="E63" s="19">
        <v>207</v>
      </c>
      <c r="F63" s="19"/>
      <c r="G63" s="18" t="s">
        <v>124</v>
      </c>
      <c r="H63" s="17"/>
      <c r="I63" s="13">
        <v>20</v>
      </c>
      <c r="J63" s="19">
        <v>5</v>
      </c>
      <c r="K63" s="19">
        <v>15</v>
      </c>
    </row>
    <row r="64" spans="1:11" ht="15" customHeight="1">
      <c r="A64" s="17" t="s">
        <v>125</v>
      </c>
      <c r="B64" s="17"/>
      <c r="C64" s="13">
        <v>429</v>
      </c>
      <c r="D64" s="19">
        <v>200</v>
      </c>
      <c r="E64" s="19">
        <v>229</v>
      </c>
      <c r="F64" s="19"/>
      <c r="G64" s="18" t="s">
        <v>126</v>
      </c>
      <c r="H64" s="17"/>
      <c r="I64" s="13">
        <v>7</v>
      </c>
      <c r="J64" s="19">
        <v>1</v>
      </c>
      <c r="K64" s="19">
        <v>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4</v>
      </c>
      <c r="J65" s="19">
        <v>3</v>
      </c>
      <c r="K65" s="19">
        <v>1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67</v>
      </c>
      <c r="J66" s="29">
        <v>71</v>
      </c>
      <c r="K66" s="29">
        <v>96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2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36119</v>
      </c>
      <c r="D4" s="14">
        <v>162781</v>
      </c>
      <c r="E4" s="14">
        <v>17333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671</v>
      </c>
      <c r="D5" s="14">
        <v>4970</v>
      </c>
      <c r="E5" s="14">
        <v>4701</v>
      </c>
      <c r="F5" s="14"/>
      <c r="G5" s="18" t="s">
        <v>8</v>
      </c>
      <c r="H5" s="17"/>
      <c r="I5" s="13">
        <v>24298</v>
      </c>
      <c r="J5" s="14">
        <v>12396</v>
      </c>
      <c r="K5" s="14">
        <v>11902</v>
      </c>
    </row>
    <row r="6" spans="1:11" ht="15" customHeight="1">
      <c r="A6" s="17" t="s">
        <v>9</v>
      </c>
      <c r="B6" s="17"/>
      <c r="C6" s="13">
        <v>1648</v>
      </c>
      <c r="D6" s="19">
        <v>851</v>
      </c>
      <c r="E6" s="19">
        <v>797</v>
      </c>
      <c r="F6" s="19"/>
      <c r="G6" s="18" t="s">
        <v>10</v>
      </c>
      <c r="H6" s="17"/>
      <c r="I6" s="13">
        <v>5139</v>
      </c>
      <c r="J6" s="19">
        <v>2664</v>
      </c>
      <c r="K6" s="19">
        <v>2475</v>
      </c>
    </row>
    <row r="7" spans="1:11" ht="15" customHeight="1">
      <c r="A7" s="17" t="s">
        <v>11</v>
      </c>
      <c r="B7" s="17"/>
      <c r="C7" s="13">
        <v>1892</v>
      </c>
      <c r="D7" s="19">
        <v>975</v>
      </c>
      <c r="E7" s="19">
        <v>917</v>
      </c>
      <c r="F7" s="19"/>
      <c r="G7" s="18" t="s">
        <v>12</v>
      </c>
      <c r="H7" s="17"/>
      <c r="I7" s="13">
        <v>5177</v>
      </c>
      <c r="J7" s="19">
        <v>2597</v>
      </c>
      <c r="K7" s="19">
        <v>2580</v>
      </c>
    </row>
    <row r="8" spans="1:11" ht="15" customHeight="1">
      <c r="A8" s="17" t="s">
        <v>13</v>
      </c>
      <c r="B8" s="17"/>
      <c r="C8" s="13">
        <v>1956</v>
      </c>
      <c r="D8" s="19">
        <v>1002</v>
      </c>
      <c r="E8" s="19">
        <v>954</v>
      </c>
      <c r="F8" s="19"/>
      <c r="G8" s="18" t="s">
        <v>14</v>
      </c>
      <c r="H8" s="17"/>
      <c r="I8" s="13">
        <v>4969</v>
      </c>
      <c r="J8" s="19">
        <v>2565</v>
      </c>
      <c r="K8" s="19">
        <v>2404</v>
      </c>
    </row>
    <row r="9" spans="1:11" ht="15" customHeight="1">
      <c r="A9" s="17" t="s">
        <v>15</v>
      </c>
      <c r="B9" s="17"/>
      <c r="C9" s="13">
        <v>2050</v>
      </c>
      <c r="D9" s="19">
        <v>1037</v>
      </c>
      <c r="E9" s="19">
        <v>1013</v>
      </c>
      <c r="F9" s="19"/>
      <c r="G9" s="18" t="s">
        <v>16</v>
      </c>
      <c r="H9" s="17"/>
      <c r="I9" s="13">
        <v>5270</v>
      </c>
      <c r="J9" s="19">
        <v>2648</v>
      </c>
      <c r="K9" s="19">
        <v>2622</v>
      </c>
    </row>
    <row r="10" spans="1:11" ht="15" customHeight="1">
      <c r="A10" s="17" t="s">
        <v>17</v>
      </c>
      <c r="B10" s="17"/>
      <c r="C10" s="13">
        <v>2125</v>
      </c>
      <c r="D10" s="19">
        <v>1105</v>
      </c>
      <c r="E10" s="19">
        <v>1020</v>
      </c>
      <c r="F10" s="19"/>
      <c r="G10" s="18" t="s">
        <v>18</v>
      </c>
      <c r="H10" s="17"/>
      <c r="I10" s="13">
        <v>3743</v>
      </c>
      <c r="J10" s="19">
        <v>1922</v>
      </c>
      <c r="K10" s="19">
        <v>1821</v>
      </c>
    </row>
    <row r="11" spans="1:11" ht="20.100000000000001" customHeight="1">
      <c r="A11" s="17" t="s">
        <v>19</v>
      </c>
      <c r="B11" s="17"/>
      <c r="C11" s="13">
        <v>12018</v>
      </c>
      <c r="D11" s="14">
        <v>6198</v>
      </c>
      <c r="E11" s="14">
        <v>5820</v>
      </c>
      <c r="F11" s="14"/>
      <c r="G11" s="18" t="s">
        <v>20</v>
      </c>
      <c r="H11" s="17"/>
      <c r="I11" s="13">
        <v>22418</v>
      </c>
      <c r="J11" s="14">
        <v>11343</v>
      </c>
      <c r="K11" s="14">
        <v>11075</v>
      </c>
    </row>
    <row r="12" spans="1:11" ht="15" customHeight="1">
      <c r="A12" s="17" t="s">
        <v>21</v>
      </c>
      <c r="B12" s="17"/>
      <c r="C12" s="13">
        <v>2257</v>
      </c>
      <c r="D12" s="19">
        <v>1156</v>
      </c>
      <c r="E12" s="19">
        <v>1101</v>
      </c>
      <c r="F12" s="19"/>
      <c r="G12" s="18" t="s">
        <v>22</v>
      </c>
      <c r="H12" s="17"/>
      <c r="I12" s="13">
        <v>5128</v>
      </c>
      <c r="J12" s="19">
        <v>2636</v>
      </c>
      <c r="K12" s="19">
        <v>2492</v>
      </c>
    </row>
    <row r="13" spans="1:11" ht="15" customHeight="1">
      <c r="A13" s="17" t="s">
        <v>23</v>
      </c>
      <c r="B13" s="17"/>
      <c r="C13" s="13">
        <v>2274</v>
      </c>
      <c r="D13" s="19">
        <v>1191</v>
      </c>
      <c r="E13" s="19">
        <v>1083</v>
      </c>
      <c r="F13" s="19"/>
      <c r="G13" s="18" t="s">
        <v>24</v>
      </c>
      <c r="H13" s="17"/>
      <c r="I13" s="13">
        <v>4559</v>
      </c>
      <c r="J13" s="19">
        <v>2330</v>
      </c>
      <c r="K13" s="19">
        <v>2229</v>
      </c>
    </row>
    <row r="14" spans="1:11" ht="15" customHeight="1">
      <c r="A14" s="17" t="s">
        <v>25</v>
      </c>
      <c r="B14" s="17"/>
      <c r="C14" s="13">
        <v>2373</v>
      </c>
      <c r="D14" s="19">
        <v>1244</v>
      </c>
      <c r="E14" s="19">
        <v>1129</v>
      </c>
      <c r="F14" s="19"/>
      <c r="G14" s="18" t="s">
        <v>26</v>
      </c>
      <c r="H14" s="17"/>
      <c r="I14" s="13">
        <v>4490</v>
      </c>
      <c r="J14" s="19">
        <v>2257</v>
      </c>
      <c r="K14" s="19">
        <v>2233</v>
      </c>
    </row>
    <row r="15" spans="1:11" ht="15" customHeight="1">
      <c r="A15" s="17" t="s">
        <v>27</v>
      </c>
      <c r="B15" s="17"/>
      <c r="C15" s="13">
        <v>2550</v>
      </c>
      <c r="D15" s="19">
        <v>1296</v>
      </c>
      <c r="E15" s="19">
        <v>1254</v>
      </c>
      <c r="F15" s="19"/>
      <c r="G15" s="18" t="s">
        <v>28</v>
      </c>
      <c r="H15" s="17"/>
      <c r="I15" s="13">
        <v>4152</v>
      </c>
      <c r="J15" s="19">
        <v>2106</v>
      </c>
      <c r="K15" s="19">
        <v>2046</v>
      </c>
    </row>
    <row r="16" spans="1:11" ht="15" customHeight="1">
      <c r="A16" s="17" t="s">
        <v>29</v>
      </c>
      <c r="B16" s="17"/>
      <c r="C16" s="13">
        <v>2564</v>
      </c>
      <c r="D16" s="19">
        <v>1311</v>
      </c>
      <c r="E16" s="19">
        <v>1253</v>
      </c>
      <c r="F16" s="19"/>
      <c r="G16" s="18" t="s">
        <v>30</v>
      </c>
      <c r="H16" s="17"/>
      <c r="I16" s="13">
        <v>4089</v>
      </c>
      <c r="J16" s="19">
        <v>2014</v>
      </c>
      <c r="K16" s="19">
        <v>2075</v>
      </c>
    </row>
    <row r="17" spans="1:11" ht="20.100000000000001" customHeight="1">
      <c r="A17" s="20" t="s">
        <v>31</v>
      </c>
      <c r="B17" s="20"/>
      <c r="C17" s="13">
        <v>13507</v>
      </c>
      <c r="D17" s="14">
        <v>6880</v>
      </c>
      <c r="E17" s="14">
        <v>6627</v>
      </c>
      <c r="F17" s="14"/>
      <c r="G17" s="18" t="s">
        <v>32</v>
      </c>
      <c r="H17" s="17"/>
      <c r="I17" s="13">
        <v>20524</v>
      </c>
      <c r="J17" s="14">
        <v>10288</v>
      </c>
      <c r="K17" s="14">
        <v>10236</v>
      </c>
    </row>
    <row r="18" spans="1:11" ht="15" customHeight="1">
      <c r="A18" s="17" t="s">
        <v>33</v>
      </c>
      <c r="B18" s="17"/>
      <c r="C18" s="13">
        <v>2603</v>
      </c>
      <c r="D18" s="19">
        <v>1341</v>
      </c>
      <c r="E18" s="19">
        <v>1262</v>
      </c>
      <c r="F18" s="19"/>
      <c r="G18" s="18" t="s">
        <v>34</v>
      </c>
      <c r="H18" s="17"/>
      <c r="I18" s="13">
        <v>4088</v>
      </c>
      <c r="J18" s="19">
        <v>2042</v>
      </c>
      <c r="K18" s="19">
        <v>2046</v>
      </c>
    </row>
    <row r="19" spans="1:11" ht="15" customHeight="1">
      <c r="A19" s="17" t="s">
        <v>35</v>
      </c>
      <c r="B19" s="17"/>
      <c r="C19" s="13">
        <v>2643</v>
      </c>
      <c r="D19" s="19">
        <v>1349</v>
      </c>
      <c r="E19" s="19">
        <v>1294</v>
      </c>
      <c r="F19" s="19"/>
      <c r="G19" s="18" t="s">
        <v>36</v>
      </c>
      <c r="H19" s="17"/>
      <c r="I19" s="13">
        <v>4127</v>
      </c>
      <c r="J19" s="19">
        <v>2093</v>
      </c>
      <c r="K19" s="19">
        <v>2034</v>
      </c>
    </row>
    <row r="20" spans="1:11" ht="15" customHeight="1">
      <c r="A20" s="17" t="s">
        <v>37</v>
      </c>
      <c r="B20" s="17"/>
      <c r="C20" s="13">
        <v>2769</v>
      </c>
      <c r="D20" s="19">
        <v>1416</v>
      </c>
      <c r="E20" s="19">
        <v>1353</v>
      </c>
      <c r="F20" s="19"/>
      <c r="G20" s="18" t="s">
        <v>38</v>
      </c>
      <c r="H20" s="17"/>
      <c r="I20" s="13">
        <v>4293</v>
      </c>
      <c r="J20" s="19">
        <v>2176</v>
      </c>
      <c r="K20" s="19">
        <v>2117</v>
      </c>
    </row>
    <row r="21" spans="1:11" ht="15" customHeight="1">
      <c r="A21" s="17" t="s">
        <v>39</v>
      </c>
      <c r="B21" s="17"/>
      <c r="C21" s="13">
        <v>2714</v>
      </c>
      <c r="D21" s="19">
        <v>1360</v>
      </c>
      <c r="E21" s="19">
        <v>1354</v>
      </c>
      <c r="F21" s="19"/>
      <c r="G21" s="18" t="s">
        <v>40</v>
      </c>
      <c r="H21" s="17"/>
      <c r="I21" s="13">
        <v>3982</v>
      </c>
      <c r="J21" s="19">
        <v>1963</v>
      </c>
      <c r="K21" s="19">
        <v>2019</v>
      </c>
    </row>
    <row r="22" spans="1:11" ht="15" customHeight="1">
      <c r="A22" s="17" t="s">
        <v>41</v>
      </c>
      <c r="B22" s="17"/>
      <c r="C22" s="13">
        <v>2778</v>
      </c>
      <c r="D22" s="19">
        <v>1414</v>
      </c>
      <c r="E22" s="19">
        <v>1364</v>
      </c>
      <c r="F22" s="19"/>
      <c r="G22" s="18" t="s">
        <v>42</v>
      </c>
      <c r="H22" s="17"/>
      <c r="I22" s="13">
        <v>4034</v>
      </c>
      <c r="J22" s="19">
        <v>2014</v>
      </c>
      <c r="K22" s="19">
        <v>2020</v>
      </c>
    </row>
    <row r="23" spans="1:11" ht="20.100000000000001" customHeight="1">
      <c r="A23" s="17" t="s">
        <v>43</v>
      </c>
      <c r="B23" s="17"/>
      <c r="C23" s="13">
        <v>14828</v>
      </c>
      <c r="D23" s="14">
        <v>7531</v>
      </c>
      <c r="E23" s="14">
        <v>7297</v>
      </c>
      <c r="F23" s="14"/>
      <c r="G23" s="18" t="s">
        <v>44</v>
      </c>
      <c r="H23" s="17"/>
      <c r="I23" s="13">
        <v>23226</v>
      </c>
      <c r="J23" s="14">
        <v>11222</v>
      </c>
      <c r="K23" s="14">
        <v>12004</v>
      </c>
    </row>
    <row r="24" spans="1:11" ht="15" customHeight="1">
      <c r="A24" s="17" t="s">
        <v>45</v>
      </c>
      <c r="B24" s="17"/>
      <c r="C24" s="13">
        <v>2738</v>
      </c>
      <c r="D24" s="19">
        <v>1394</v>
      </c>
      <c r="E24" s="19">
        <v>1344</v>
      </c>
      <c r="F24" s="19"/>
      <c r="G24" s="18" t="s">
        <v>46</v>
      </c>
      <c r="H24" s="17"/>
      <c r="I24" s="13">
        <v>4288</v>
      </c>
      <c r="J24" s="19">
        <v>2073</v>
      </c>
      <c r="K24" s="19">
        <v>2215</v>
      </c>
    </row>
    <row r="25" spans="1:11" ht="15" customHeight="1">
      <c r="A25" s="17" t="s">
        <v>47</v>
      </c>
      <c r="B25" s="17"/>
      <c r="C25" s="13">
        <v>2879</v>
      </c>
      <c r="D25" s="19">
        <v>1511</v>
      </c>
      <c r="E25" s="19">
        <v>1368</v>
      </c>
      <c r="F25" s="19"/>
      <c r="G25" s="18" t="s">
        <v>48</v>
      </c>
      <c r="H25" s="17"/>
      <c r="I25" s="13">
        <v>4280</v>
      </c>
      <c r="J25" s="19">
        <v>2048</v>
      </c>
      <c r="K25" s="19">
        <v>2232</v>
      </c>
    </row>
    <row r="26" spans="1:11" ht="15" customHeight="1">
      <c r="A26" s="17" t="s">
        <v>49</v>
      </c>
      <c r="B26" s="17"/>
      <c r="C26" s="13">
        <v>3053</v>
      </c>
      <c r="D26" s="19">
        <v>1565</v>
      </c>
      <c r="E26" s="19">
        <v>1488</v>
      </c>
      <c r="F26" s="19"/>
      <c r="G26" s="18" t="s">
        <v>50</v>
      </c>
      <c r="H26" s="17"/>
      <c r="I26" s="13">
        <v>4464</v>
      </c>
      <c r="J26" s="19">
        <v>2168</v>
      </c>
      <c r="K26" s="19">
        <v>2296</v>
      </c>
    </row>
    <row r="27" spans="1:11" ht="15" customHeight="1">
      <c r="A27" s="17" t="s">
        <v>51</v>
      </c>
      <c r="B27" s="17"/>
      <c r="C27" s="13">
        <v>3105</v>
      </c>
      <c r="D27" s="19">
        <v>1545</v>
      </c>
      <c r="E27" s="19">
        <v>1560</v>
      </c>
      <c r="F27" s="19"/>
      <c r="G27" s="18" t="s">
        <v>52</v>
      </c>
      <c r="H27" s="17"/>
      <c r="I27" s="13">
        <v>4963</v>
      </c>
      <c r="J27" s="19">
        <v>2473</v>
      </c>
      <c r="K27" s="19">
        <v>2490</v>
      </c>
    </row>
    <row r="28" spans="1:11" ht="15" customHeight="1">
      <c r="A28" s="17" t="s">
        <v>53</v>
      </c>
      <c r="B28" s="17"/>
      <c r="C28" s="13">
        <v>3053</v>
      </c>
      <c r="D28" s="19">
        <v>1516</v>
      </c>
      <c r="E28" s="19">
        <v>1537</v>
      </c>
      <c r="F28" s="19"/>
      <c r="G28" s="18" t="s">
        <v>54</v>
      </c>
      <c r="H28" s="17"/>
      <c r="I28" s="13">
        <v>5231</v>
      </c>
      <c r="J28" s="19">
        <v>2460</v>
      </c>
      <c r="K28" s="19">
        <v>2771</v>
      </c>
    </row>
    <row r="29" spans="1:11" ht="20.100000000000001" customHeight="1">
      <c r="A29" s="17" t="s">
        <v>55</v>
      </c>
      <c r="B29" s="17"/>
      <c r="C29" s="13">
        <v>15313</v>
      </c>
      <c r="D29" s="14">
        <v>7559</v>
      </c>
      <c r="E29" s="14">
        <v>7754</v>
      </c>
      <c r="F29" s="14"/>
      <c r="G29" s="18" t="s">
        <v>56</v>
      </c>
      <c r="H29" s="17"/>
      <c r="I29" s="13">
        <v>28156</v>
      </c>
      <c r="J29" s="14">
        <v>13336</v>
      </c>
      <c r="K29" s="14">
        <v>14820</v>
      </c>
    </row>
    <row r="30" spans="1:11" ht="15" customHeight="1">
      <c r="A30" s="17" t="s">
        <v>57</v>
      </c>
      <c r="B30" s="17"/>
      <c r="C30" s="13">
        <v>3150</v>
      </c>
      <c r="D30" s="19">
        <v>1501</v>
      </c>
      <c r="E30" s="19">
        <v>1649</v>
      </c>
      <c r="F30" s="19"/>
      <c r="G30" s="18" t="s">
        <v>58</v>
      </c>
      <c r="H30" s="17"/>
      <c r="I30" s="13">
        <v>5463</v>
      </c>
      <c r="J30" s="19">
        <v>2592</v>
      </c>
      <c r="K30" s="19">
        <v>2871</v>
      </c>
    </row>
    <row r="31" spans="1:11" ht="15" customHeight="1">
      <c r="A31" s="17" t="s">
        <v>59</v>
      </c>
      <c r="B31" s="17"/>
      <c r="C31" s="13">
        <v>3187</v>
      </c>
      <c r="D31" s="19">
        <v>1570</v>
      </c>
      <c r="E31" s="19">
        <v>1617</v>
      </c>
      <c r="F31" s="19"/>
      <c r="G31" s="18" t="s">
        <v>60</v>
      </c>
      <c r="H31" s="17"/>
      <c r="I31" s="13">
        <v>6342</v>
      </c>
      <c r="J31" s="19">
        <v>3002</v>
      </c>
      <c r="K31" s="19">
        <v>3340</v>
      </c>
    </row>
    <row r="32" spans="1:11" ht="15" customHeight="1">
      <c r="A32" s="17" t="s">
        <v>61</v>
      </c>
      <c r="B32" s="17"/>
      <c r="C32" s="13">
        <v>3119</v>
      </c>
      <c r="D32" s="19">
        <v>1564</v>
      </c>
      <c r="E32" s="19">
        <v>1555</v>
      </c>
      <c r="F32" s="19"/>
      <c r="G32" s="18" t="s">
        <v>62</v>
      </c>
      <c r="H32" s="17"/>
      <c r="I32" s="13">
        <v>5996</v>
      </c>
      <c r="J32" s="19">
        <v>2863</v>
      </c>
      <c r="K32" s="19">
        <v>3133</v>
      </c>
    </row>
    <row r="33" spans="1:11" ht="15" customHeight="1">
      <c r="A33" s="17" t="s">
        <v>63</v>
      </c>
      <c r="B33" s="17"/>
      <c r="C33" s="13">
        <v>2894</v>
      </c>
      <c r="D33" s="19">
        <v>1468</v>
      </c>
      <c r="E33" s="19">
        <v>1426</v>
      </c>
      <c r="F33" s="19"/>
      <c r="G33" s="18" t="s">
        <v>64</v>
      </c>
      <c r="H33" s="17"/>
      <c r="I33" s="13">
        <v>6093</v>
      </c>
      <c r="J33" s="19">
        <v>2896</v>
      </c>
      <c r="K33" s="19">
        <v>3197</v>
      </c>
    </row>
    <row r="34" spans="1:11" ht="15" customHeight="1">
      <c r="A34" s="17" t="s">
        <v>65</v>
      </c>
      <c r="B34" s="17"/>
      <c r="C34" s="13">
        <v>2963</v>
      </c>
      <c r="D34" s="19">
        <v>1456</v>
      </c>
      <c r="E34" s="19">
        <v>1507</v>
      </c>
      <c r="F34" s="19"/>
      <c r="G34" s="18" t="s">
        <v>66</v>
      </c>
      <c r="H34" s="17"/>
      <c r="I34" s="13">
        <v>4262</v>
      </c>
      <c r="J34" s="19">
        <v>1983</v>
      </c>
      <c r="K34" s="19">
        <v>2279</v>
      </c>
    </row>
    <row r="35" spans="1:11" ht="20.100000000000001" customHeight="1">
      <c r="A35" s="17" t="s">
        <v>67</v>
      </c>
      <c r="B35" s="17"/>
      <c r="C35" s="13">
        <v>13622</v>
      </c>
      <c r="D35" s="14">
        <v>6944</v>
      </c>
      <c r="E35" s="14">
        <v>6678</v>
      </c>
      <c r="F35" s="14"/>
      <c r="G35" s="18" t="s">
        <v>68</v>
      </c>
      <c r="H35" s="17"/>
      <c r="I35" s="13">
        <v>22038</v>
      </c>
      <c r="J35" s="14">
        <v>9793</v>
      </c>
      <c r="K35" s="14">
        <v>12245</v>
      </c>
    </row>
    <row r="36" spans="1:11" ht="15" customHeight="1">
      <c r="A36" s="17" t="s">
        <v>69</v>
      </c>
      <c r="B36" s="17"/>
      <c r="C36" s="13">
        <v>2808</v>
      </c>
      <c r="D36" s="19">
        <v>1425</v>
      </c>
      <c r="E36" s="19">
        <v>1383</v>
      </c>
      <c r="F36" s="19"/>
      <c r="G36" s="18" t="s">
        <v>70</v>
      </c>
      <c r="H36" s="17"/>
      <c r="I36" s="13">
        <v>3765</v>
      </c>
      <c r="J36" s="19">
        <v>1672</v>
      </c>
      <c r="K36" s="19">
        <v>2093</v>
      </c>
    </row>
    <row r="37" spans="1:11" ht="15" customHeight="1">
      <c r="A37" s="17" t="s">
        <v>71</v>
      </c>
      <c r="B37" s="17"/>
      <c r="C37" s="13">
        <v>2777</v>
      </c>
      <c r="D37" s="19">
        <v>1370</v>
      </c>
      <c r="E37" s="19">
        <v>1407</v>
      </c>
      <c r="F37" s="19"/>
      <c r="G37" s="18" t="s">
        <v>72</v>
      </c>
      <c r="H37" s="17"/>
      <c r="I37" s="13">
        <v>4606</v>
      </c>
      <c r="J37" s="19">
        <v>2106</v>
      </c>
      <c r="K37" s="19">
        <v>2500</v>
      </c>
    </row>
    <row r="38" spans="1:11" ht="15" customHeight="1">
      <c r="A38" s="17" t="s">
        <v>73</v>
      </c>
      <c r="B38" s="17"/>
      <c r="C38" s="13">
        <v>2695</v>
      </c>
      <c r="D38" s="19">
        <v>1428</v>
      </c>
      <c r="E38" s="19">
        <v>1267</v>
      </c>
      <c r="F38" s="19"/>
      <c r="G38" s="18" t="s">
        <v>74</v>
      </c>
      <c r="H38" s="17"/>
      <c r="I38" s="13">
        <v>4754</v>
      </c>
      <c r="J38" s="19">
        <v>2140</v>
      </c>
      <c r="K38" s="19">
        <v>2614</v>
      </c>
    </row>
    <row r="39" spans="1:11" ht="15" customHeight="1">
      <c r="A39" s="17" t="s">
        <v>75</v>
      </c>
      <c r="B39" s="17"/>
      <c r="C39" s="13">
        <v>2644</v>
      </c>
      <c r="D39" s="19">
        <v>1368</v>
      </c>
      <c r="E39" s="19">
        <v>1276</v>
      </c>
      <c r="F39" s="19"/>
      <c r="G39" s="18" t="s">
        <v>76</v>
      </c>
      <c r="H39" s="17"/>
      <c r="I39" s="13">
        <v>4505</v>
      </c>
      <c r="J39" s="19">
        <v>1993</v>
      </c>
      <c r="K39" s="19">
        <v>2512</v>
      </c>
    </row>
    <row r="40" spans="1:11" ht="15" customHeight="1">
      <c r="A40" s="17" t="s">
        <v>77</v>
      </c>
      <c r="B40" s="17"/>
      <c r="C40" s="13">
        <v>2698</v>
      </c>
      <c r="D40" s="19">
        <v>1353</v>
      </c>
      <c r="E40" s="19">
        <v>1345</v>
      </c>
      <c r="F40" s="19"/>
      <c r="G40" s="18" t="s">
        <v>78</v>
      </c>
      <c r="H40" s="17"/>
      <c r="I40" s="13">
        <v>4408</v>
      </c>
      <c r="J40" s="19">
        <v>1882</v>
      </c>
      <c r="K40" s="19">
        <v>2526</v>
      </c>
    </row>
    <row r="41" spans="1:11" ht="20.100000000000001" customHeight="1">
      <c r="A41" s="17" t="s">
        <v>79</v>
      </c>
      <c r="B41" s="17"/>
      <c r="C41" s="13">
        <v>14371</v>
      </c>
      <c r="D41" s="14">
        <v>7409</v>
      </c>
      <c r="E41" s="14">
        <v>6962</v>
      </c>
      <c r="F41" s="14"/>
      <c r="G41" s="18" t="s">
        <v>80</v>
      </c>
      <c r="H41" s="17"/>
      <c r="I41" s="13">
        <v>16588</v>
      </c>
      <c r="J41" s="14">
        <v>6918</v>
      </c>
      <c r="K41" s="14">
        <v>9670</v>
      </c>
    </row>
    <row r="42" spans="1:11" ht="15" customHeight="1">
      <c r="A42" s="17" t="s">
        <v>81</v>
      </c>
      <c r="B42" s="17"/>
      <c r="C42" s="13">
        <v>2662</v>
      </c>
      <c r="D42" s="19">
        <v>1367</v>
      </c>
      <c r="E42" s="19">
        <v>1295</v>
      </c>
      <c r="F42" s="19"/>
      <c r="G42" s="18" t="s">
        <v>82</v>
      </c>
      <c r="H42" s="17"/>
      <c r="I42" s="13">
        <v>4023</v>
      </c>
      <c r="J42" s="19">
        <v>1737</v>
      </c>
      <c r="K42" s="19">
        <v>2286</v>
      </c>
    </row>
    <row r="43" spans="1:11" ht="15" customHeight="1">
      <c r="A43" s="17" t="s">
        <v>83</v>
      </c>
      <c r="B43" s="17"/>
      <c r="C43" s="13">
        <v>2790</v>
      </c>
      <c r="D43" s="19">
        <v>1452</v>
      </c>
      <c r="E43" s="19">
        <v>1338</v>
      </c>
      <c r="F43" s="19"/>
      <c r="G43" s="18" t="s">
        <v>84</v>
      </c>
      <c r="H43" s="17"/>
      <c r="I43" s="13">
        <v>3343</v>
      </c>
      <c r="J43" s="19">
        <v>1405</v>
      </c>
      <c r="K43" s="19">
        <v>1938</v>
      </c>
    </row>
    <row r="44" spans="1:11" ht="15" customHeight="1">
      <c r="A44" s="17" t="s">
        <v>85</v>
      </c>
      <c r="B44" s="17"/>
      <c r="C44" s="13">
        <v>2954</v>
      </c>
      <c r="D44" s="19">
        <v>1506</v>
      </c>
      <c r="E44" s="19">
        <v>1448</v>
      </c>
      <c r="F44" s="19"/>
      <c r="G44" s="18" t="s">
        <v>86</v>
      </c>
      <c r="H44" s="17"/>
      <c r="I44" s="13">
        <v>3135</v>
      </c>
      <c r="J44" s="19">
        <v>1328</v>
      </c>
      <c r="K44" s="19">
        <v>1807</v>
      </c>
    </row>
    <row r="45" spans="1:11" ht="15" customHeight="1">
      <c r="A45" s="17" t="s">
        <v>87</v>
      </c>
      <c r="B45" s="17"/>
      <c r="C45" s="13">
        <v>2946</v>
      </c>
      <c r="D45" s="19">
        <v>1526</v>
      </c>
      <c r="E45" s="19">
        <v>1420</v>
      </c>
      <c r="F45" s="19"/>
      <c r="G45" s="18" t="s">
        <v>88</v>
      </c>
      <c r="H45" s="17"/>
      <c r="I45" s="13">
        <v>3158</v>
      </c>
      <c r="J45" s="19">
        <v>1272</v>
      </c>
      <c r="K45" s="19">
        <v>1886</v>
      </c>
    </row>
    <row r="46" spans="1:11" ht="15" customHeight="1">
      <c r="A46" s="17" t="s">
        <v>89</v>
      </c>
      <c r="B46" s="17"/>
      <c r="C46" s="13">
        <v>3019</v>
      </c>
      <c r="D46" s="19">
        <v>1558</v>
      </c>
      <c r="E46" s="19">
        <v>1461</v>
      </c>
      <c r="F46" s="19"/>
      <c r="G46" s="18" t="s">
        <v>90</v>
      </c>
      <c r="H46" s="17"/>
      <c r="I46" s="13">
        <v>2929</v>
      </c>
      <c r="J46" s="19">
        <v>1176</v>
      </c>
      <c r="K46" s="19">
        <v>1753</v>
      </c>
    </row>
    <row r="47" spans="1:11" ht="20.100000000000001" customHeight="1">
      <c r="A47" s="17" t="s">
        <v>91</v>
      </c>
      <c r="B47" s="17"/>
      <c r="C47" s="13">
        <v>16973</v>
      </c>
      <c r="D47" s="14">
        <v>8594</v>
      </c>
      <c r="E47" s="14">
        <v>8379</v>
      </c>
      <c r="F47" s="14"/>
      <c r="G47" s="18" t="s">
        <v>92</v>
      </c>
      <c r="H47" s="17"/>
      <c r="I47" s="13">
        <v>10975</v>
      </c>
      <c r="J47" s="14">
        <v>3998</v>
      </c>
      <c r="K47" s="14">
        <v>6977</v>
      </c>
    </row>
    <row r="48" spans="1:11" ht="15" customHeight="1">
      <c r="A48" s="17" t="s">
        <v>93</v>
      </c>
      <c r="B48" s="17"/>
      <c r="C48" s="13">
        <v>3089</v>
      </c>
      <c r="D48" s="19">
        <v>1589</v>
      </c>
      <c r="E48" s="19">
        <v>1500</v>
      </c>
      <c r="F48" s="19"/>
      <c r="G48" s="18" t="s">
        <v>94</v>
      </c>
      <c r="H48" s="17"/>
      <c r="I48" s="13">
        <v>2804</v>
      </c>
      <c r="J48" s="19">
        <v>1075</v>
      </c>
      <c r="K48" s="19">
        <v>1729</v>
      </c>
    </row>
    <row r="49" spans="1:11" ht="15" customHeight="1">
      <c r="A49" s="17" t="s">
        <v>95</v>
      </c>
      <c r="B49" s="17"/>
      <c r="C49" s="13">
        <v>3320</v>
      </c>
      <c r="D49" s="19">
        <v>1670</v>
      </c>
      <c r="E49" s="19">
        <v>1650</v>
      </c>
      <c r="F49" s="19"/>
      <c r="G49" s="18" t="s">
        <v>96</v>
      </c>
      <c r="H49" s="17"/>
      <c r="I49" s="13">
        <v>2415</v>
      </c>
      <c r="J49" s="19">
        <v>912</v>
      </c>
      <c r="K49" s="19">
        <v>1503</v>
      </c>
    </row>
    <row r="50" spans="1:11" ht="15" customHeight="1">
      <c r="A50" s="17" t="s">
        <v>97</v>
      </c>
      <c r="B50" s="17"/>
      <c r="C50" s="13">
        <v>3500</v>
      </c>
      <c r="D50" s="19">
        <v>1751</v>
      </c>
      <c r="E50" s="19">
        <v>1749</v>
      </c>
      <c r="F50" s="19"/>
      <c r="G50" s="18" t="s">
        <v>98</v>
      </c>
      <c r="H50" s="17"/>
      <c r="I50" s="13">
        <v>2158</v>
      </c>
      <c r="J50" s="19">
        <v>796</v>
      </c>
      <c r="K50" s="19">
        <v>1362</v>
      </c>
    </row>
    <row r="51" spans="1:11" ht="15" customHeight="1">
      <c r="A51" s="17" t="s">
        <v>99</v>
      </c>
      <c r="B51" s="17"/>
      <c r="C51" s="13">
        <v>3446</v>
      </c>
      <c r="D51" s="19">
        <v>1768</v>
      </c>
      <c r="E51" s="19">
        <v>1678</v>
      </c>
      <c r="F51" s="19"/>
      <c r="G51" s="18" t="s">
        <v>100</v>
      </c>
      <c r="H51" s="17"/>
      <c r="I51" s="13">
        <v>1978</v>
      </c>
      <c r="J51" s="19">
        <v>690</v>
      </c>
      <c r="K51" s="19">
        <v>1288</v>
      </c>
    </row>
    <row r="52" spans="1:11" ht="15" customHeight="1">
      <c r="A52" s="17" t="s">
        <v>101</v>
      </c>
      <c r="B52" s="17"/>
      <c r="C52" s="13">
        <v>3618</v>
      </c>
      <c r="D52" s="19">
        <v>1816</v>
      </c>
      <c r="E52" s="19">
        <v>1802</v>
      </c>
      <c r="F52" s="19"/>
      <c r="G52" s="18" t="s">
        <v>102</v>
      </c>
      <c r="H52" s="17"/>
      <c r="I52" s="13">
        <v>1620</v>
      </c>
      <c r="J52" s="19">
        <v>525</v>
      </c>
      <c r="K52" s="19">
        <v>1095</v>
      </c>
    </row>
    <row r="53" spans="1:11" ht="20.100000000000001" customHeight="1">
      <c r="A53" s="17" t="s">
        <v>103</v>
      </c>
      <c r="B53" s="17"/>
      <c r="C53" s="13">
        <v>20241</v>
      </c>
      <c r="D53" s="14">
        <v>10262</v>
      </c>
      <c r="E53" s="14">
        <v>9979</v>
      </c>
      <c r="F53" s="14"/>
      <c r="G53" s="18" t="s">
        <v>104</v>
      </c>
      <c r="H53" s="17"/>
      <c r="I53" s="13">
        <v>5013</v>
      </c>
      <c r="J53" s="14">
        <v>1406</v>
      </c>
      <c r="K53" s="14">
        <v>3607</v>
      </c>
    </row>
    <row r="54" spans="1:11" ht="15" customHeight="1">
      <c r="A54" s="17" t="s">
        <v>105</v>
      </c>
      <c r="B54" s="17"/>
      <c r="C54" s="13">
        <v>3786</v>
      </c>
      <c r="D54" s="19">
        <v>1904</v>
      </c>
      <c r="E54" s="19">
        <v>1882</v>
      </c>
      <c r="F54" s="19"/>
      <c r="G54" s="18" t="s">
        <v>106</v>
      </c>
      <c r="H54" s="17"/>
      <c r="I54" s="13">
        <v>1357</v>
      </c>
      <c r="J54" s="19">
        <v>410</v>
      </c>
      <c r="K54" s="19">
        <v>947</v>
      </c>
    </row>
    <row r="55" spans="1:11" ht="15" customHeight="1">
      <c r="A55" s="17" t="s">
        <v>107</v>
      </c>
      <c r="B55" s="17"/>
      <c r="C55" s="13">
        <v>3792</v>
      </c>
      <c r="D55" s="19">
        <v>1954</v>
      </c>
      <c r="E55" s="19">
        <v>1838</v>
      </c>
      <c r="F55" s="19"/>
      <c r="G55" s="18" t="s">
        <v>108</v>
      </c>
      <c r="H55" s="17"/>
      <c r="I55" s="13">
        <v>1205</v>
      </c>
      <c r="J55" s="19">
        <v>374</v>
      </c>
      <c r="K55" s="19">
        <v>831</v>
      </c>
    </row>
    <row r="56" spans="1:11" ht="15" customHeight="1">
      <c r="A56" s="17" t="s">
        <v>109</v>
      </c>
      <c r="B56" s="17"/>
      <c r="C56" s="13">
        <v>4094</v>
      </c>
      <c r="D56" s="19">
        <v>2083</v>
      </c>
      <c r="E56" s="19">
        <v>2011</v>
      </c>
      <c r="F56" s="19"/>
      <c r="G56" s="18" t="s">
        <v>110</v>
      </c>
      <c r="H56" s="17"/>
      <c r="I56" s="13">
        <v>1004</v>
      </c>
      <c r="J56" s="19">
        <v>245</v>
      </c>
      <c r="K56" s="19">
        <v>759</v>
      </c>
    </row>
    <row r="57" spans="1:11" ht="15" customHeight="1">
      <c r="A57" s="17" t="s">
        <v>111</v>
      </c>
      <c r="B57" s="17"/>
      <c r="C57" s="13">
        <v>4246</v>
      </c>
      <c r="D57" s="19">
        <v>2186</v>
      </c>
      <c r="E57" s="19">
        <v>2060</v>
      </c>
      <c r="F57" s="19"/>
      <c r="G57" s="18" t="s">
        <v>112</v>
      </c>
      <c r="H57" s="17"/>
      <c r="I57" s="13">
        <v>827</v>
      </c>
      <c r="J57" s="19">
        <v>232</v>
      </c>
      <c r="K57" s="19">
        <v>595</v>
      </c>
    </row>
    <row r="58" spans="1:11" ht="15" customHeight="1">
      <c r="A58" s="17" t="s">
        <v>113</v>
      </c>
      <c r="B58" s="17"/>
      <c r="C58" s="13">
        <v>4323</v>
      </c>
      <c r="D58" s="19">
        <v>2135</v>
      </c>
      <c r="E58" s="19">
        <v>2188</v>
      </c>
      <c r="F58" s="19"/>
      <c r="G58" s="18" t="s">
        <v>114</v>
      </c>
      <c r="H58" s="17"/>
      <c r="I58" s="13">
        <v>620</v>
      </c>
      <c r="J58" s="19">
        <v>145</v>
      </c>
      <c r="K58" s="19">
        <v>475</v>
      </c>
    </row>
    <row r="59" spans="1:11" ht="20.100000000000001" customHeight="1">
      <c r="A59" s="17" t="s">
        <v>115</v>
      </c>
      <c r="B59" s="17"/>
      <c r="C59" s="13">
        <v>25634</v>
      </c>
      <c r="D59" s="14">
        <v>13076</v>
      </c>
      <c r="E59" s="14">
        <v>12558</v>
      </c>
      <c r="F59" s="14"/>
      <c r="G59" s="18" t="s">
        <v>116</v>
      </c>
      <c r="H59" s="17"/>
      <c r="I59" s="13">
        <v>1423</v>
      </c>
      <c r="J59" s="14">
        <v>299</v>
      </c>
      <c r="K59" s="14">
        <v>1124</v>
      </c>
    </row>
    <row r="60" spans="1:11" ht="15" customHeight="1">
      <c r="A60" s="17" t="s">
        <v>117</v>
      </c>
      <c r="B60" s="17"/>
      <c r="C60" s="13">
        <v>4715</v>
      </c>
      <c r="D60" s="19">
        <v>2407</v>
      </c>
      <c r="E60" s="19">
        <v>2308</v>
      </c>
      <c r="F60" s="19"/>
      <c r="G60" s="18" t="s">
        <v>118</v>
      </c>
      <c r="H60" s="17"/>
      <c r="I60" s="13">
        <v>496</v>
      </c>
      <c r="J60" s="19">
        <v>111</v>
      </c>
      <c r="K60" s="19">
        <v>385</v>
      </c>
    </row>
    <row r="61" spans="1:11" ht="15" customHeight="1">
      <c r="A61" s="17" t="s">
        <v>119</v>
      </c>
      <c r="B61" s="17"/>
      <c r="C61" s="13">
        <v>5062</v>
      </c>
      <c r="D61" s="19">
        <v>2598</v>
      </c>
      <c r="E61" s="19">
        <v>2464</v>
      </c>
      <c r="F61" s="19"/>
      <c r="G61" s="18" t="s">
        <v>120</v>
      </c>
      <c r="H61" s="17"/>
      <c r="I61" s="13">
        <v>352</v>
      </c>
      <c r="J61" s="19">
        <v>71</v>
      </c>
      <c r="K61" s="19">
        <v>281</v>
      </c>
    </row>
    <row r="62" spans="1:11" ht="15" customHeight="1">
      <c r="A62" s="17" t="s">
        <v>121</v>
      </c>
      <c r="B62" s="17"/>
      <c r="C62" s="13">
        <v>5399</v>
      </c>
      <c r="D62" s="19">
        <v>2729</v>
      </c>
      <c r="E62" s="19">
        <v>2670</v>
      </c>
      <c r="F62" s="19"/>
      <c r="G62" s="18" t="s">
        <v>122</v>
      </c>
      <c r="H62" s="17"/>
      <c r="I62" s="13">
        <v>245</v>
      </c>
      <c r="J62" s="19">
        <v>51</v>
      </c>
      <c r="K62" s="19">
        <v>194</v>
      </c>
    </row>
    <row r="63" spans="1:11" ht="15" customHeight="1">
      <c r="A63" s="17" t="s">
        <v>123</v>
      </c>
      <c r="B63" s="17"/>
      <c r="C63" s="13">
        <v>5248</v>
      </c>
      <c r="D63" s="19">
        <v>2658</v>
      </c>
      <c r="E63" s="19">
        <v>2590</v>
      </c>
      <c r="F63" s="19"/>
      <c r="G63" s="18" t="s">
        <v>124</v>
      </c>
      <c r="H63" s="17"/>
      <c r="I63" s="13">
        <v>184</v>
      </c>
      <c r="J63" s="19">
        <v>43</v>
      </c>
      <c r="K63" s="19">
        <v>141</v>
      </c>
    </row>
    <row r="64" spans="1:11" ht="15" customHeight="1">
      <c r="A64" s="17" t="s">
        <v>125</v>
      </c>
      <c r="B64" s="17"/>
      <c r="C64" s="13">
        <v>5210</v>
      </c>
      <c r="D64" s="19">
        <v>2684</v>
      </c>
      <c r="E64" s="19">
        <v>2526</v>
      </c>
      <c r="F64" s="19"/>
      <c r="G64" s="18" t="s">
        <v>126</v>
      </c>
      <c r="H64" s="17"/>
      <c r="I64" s="13">
        <v>146</v>
      </c>
      <c r="J64" s="19">
        <v>23</v>
      </c>
      <c r="K64" s="19">
        <v>12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17</v>
      </c>
      <c r="J65" s="19">
        <v>24</v>
      </c>
      <c r="K65" s="19">
        <v>19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5065</v>
      </c>
      <c r="J66" s="29">
        <v>2335</v>
      </c>
      <c r="K66" s="29">
        <v>2730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8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8709</v>
      </c>
      <c r="D4" s="14">
        <v>91210</v>
      </c>
      <c r="E4" s="14">
        <v>9749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837</v>
      </c>
      <c r="D5" s="14">
        <v>2970</v>
      </c>
      <c r="E5" s="14">
        <v>2867</v>
      </c>
      <c r="F5" s="14"/>
      <c r="G5" s="18" t="s">
        <v>8</v>
      </c>
      <c r="H5" s="17"/>
      <c r="I5" s="13">
        <v>13947</v>
      </c>
      <c r="J5" s="14">
        <v>7142</v>
      </c>
      <c r="K5" s="14">
        <v>6805</v>
      </c>
    </row>
    <row r="6" spans="1:11" ht="15" customHeight="1">
      <c r="A6" s="17" t="s">
        <v>9</v>
      </c>
      <c r="B6" s="17"/>
      <c r="C6" s="13">
        <v>1055</v>
      </c>
      <c r="D6" s="19">
        <v>526</v>
      </c>
      <c r="E6" s="19">
        <v>529</v>
      </c>
      <c r="F6" s="19"/>
      <c r="G6" s="18" t="s">
        <v>10</v>
      </c>
      <c r="H6" s="17"/>
      <c r="I6" s="13">
        <v>2932</v>
      </c>
      <c r="J6" s="19">
        <v>1495</v>
      </c>
      <c r="K6" s="19">
        <v>1437</v>
      </c>
    </row>
    <row r="7" spans="1:11" ht="15" customHeight="1">
      <c r="A7" s="17" t="s">
        <v>11</v>
      </c>
      <c r="B7" s="17"/>
      <c r="C7" s="13">
        <v>1155</v>
      </c>
      <c r="D7" s="19">
        <v>609</v>
      </c>
      <c r="E7" s="19">
        <v>546</v>
      </c>
      <c r="F7" s="19"/>
      <c r="G7" s="18" t="s">
        <v>12</v>
      </c>
      <c r="H7" s="17"/>
      <c r="I7" s="13">
        <v>2943</v>
      </c>
      <c r="J7" s="19">
        <v>1474</v>
      </c>
      <c r="K7" s="19">
        <v>1469</v>
      </c>
    </row>
    <row r="8" spans="1:11" ht="15" customHeight="1">
      <c r="A8" s="17" t="s">
        <v>13</v>
      </c>
      <c r="B8" s="17"/>
      <c r="C8" s="13">
        <v>1161</v>
      </c>
      <c r="D8" s="19">
        <v>600</v>
      </c>
      <c r="E8" s="19">
        <v>561</v>
      </c>
      <c r="F8" s="19"/>
      <c r="G8" s="18" t="s">
        <v>14</v>
      </c>
      <c r="H8" s="17"/>
      <c r="I8" s="13">
        <v>2865</v>
      </c>
      <c r="J8" s="19">
        <v>1495</v>
      </c>
      <c r="K8" s="19">
        <v>1370</v>
      </c>
    </row>
    <row r="9" spans="1:11" ht="15" customHeight="1">
      <c r="A9" s="17" t="s">
        <v>15</v>
      </c>
      <c r="B9" s="17"/>
      <c r="C9" s="13">
        <v>1219</v>
      </c>
      <c r="D9" s="19">
        <v>612</v>
      </c>
      <c r="E9" s="19">
        <v>607</v>
      </c>
      <c r="F9" s="19"/>
      <c r="G9" s="18" t="s">
        <v>16</v>
      </c>
      <c r="H9" s="17"/>
      <c r="I9" s="13">
        <v>3031</v>
      </c>
      <c r="J9" s="19">
        <v>1528</v>
      </c>
      <c r="K9" s="19">
        <v>1503</v>
      </c>
    </row>
    <row r="10" spans="1:11" ht="15" customHeight="1">
      <c r="A10" s="17" t="s">
        <v>17</v>
      </c>
      <c r="B10" s="17"/>
      <c r="C10" s="13">
        <v>1247</v>
      </c>
      <c r="D10" s="19">
        <v>623</v>
      </c>
      <c r="E10" s="19">
        <v>624</v>
      </c>
      <c r="F10" s="19"/>
      <c r="G10" s="18" t="s">
        <v>18</v>
      </c>
      <c r="H10" s="17"/>
      <c r="I10" s="13">
        <v>2176</v>
      </c>
      <c r="J10" s="19">
        <v>1150</v>
      </c>
      <c r="K10" s="19">
        <v>1026</v>
      </c>
    </row>
    <row r="11" spans="1:11" ht="20.100000000000001" customHeight="1">
      <c r="A11" s="17" t="s">
        <v>19</v>
      </c>
      <c r="B11" s="17"/>
      <c r="C11" s="13">
        <v>6976</v>
      </c>
      <c r="D11" s="14">
        <v>3634</v>
      </c>
      <c r="E11" s="14">
        <v>3342</v>
      </c>
      <c r="F11" s="14"/>
      <c r="G11" s="18" t="s">
        <v>20</v>
      </c>
      <c r="H11" s="17"/>
      <c r="I11" s="13">
        <v>12679</v>
      </c>
      <c r="J11" s="14">
        <v>6418</v>
      </c>
      <c r="K11" s="14">
        <v>6261</v>
      </c>
    </row>
    <row r="12" spans="1:11" ht="15" customHeight="1">
      <c r="A12" s="17" t="s">
        <v>21</v>
      </c>
      <c r="B12" s="17"/>
      <c r="C12" s="13">
        <v>1313</v>
      </c>
      <c r="D12" s="19">
        <v>662</v>
      </c>
      <c r="E12" s="19">
        <v>651</v>
      </c>
      <c r="F12" s="19"/>
      <c r="G12" s="18" t="s">
        <v>22</v>
      </c>
      <c r="H12" s="17"/>
      <c r="I12" s="13">
        <v>2886</v>
      </c>
      <c r="J12" s="19">
        <v>1483</v>
      </c>
      <c r="K12" s="19">
        <v>1403</v>
      </c>
    </row>
    <row r="13" spans="1:11" ht="15" customHeight="1">
      <c r="A13" s="17" t="s">
        <v>23</v>
      </c>
      <c r="B13" s="17"/>
      <c r="C13" s="13">
        <v>1340</v>
      </c>
      <c r="D13" s="19">
        <v>711</v>
      </c>
      <c r="E13" s="19">
        <v>629</v>
      </c>
      <c r="F13" s="19"/>
      <c r="G13" s="18" t="s">
        <v>24</v>
      </c>
      <c r="H13" s="17"/>
      <c r="I13" s="13">
        <v>2600</v>
      </c>
      <c r="J13" s="19">
        <v>1320</v>
      </c>
      <c r="K13" s="19">
        <v>1280</v>
      </c>
    </row>
    <row r="14" spans="1:11" ht="15" customHeight="1">
      <c r="A14" s="17" t="s">
        <v>25</v>
      </c>
      <c r="B14" s="17"/>
      <c r="C14" s="13">
        <v>1384</v>
      </c>
      <c r="D14" s="19">
        <v>732</v>
      </c>
      <c r="E14" s="19">
        <v>652</v>
      </c>
      <c r="F14" s="19"/>
      <c r="G14" s="18" t="s">
        <v>26</v>
      </c>
      <c r="H14" s="17"/>
      <c r="I14" s="13">
        <v>2550</v>
      </c>
      <c r="J14" s="19">
        <v>1295</v>
      </c>
      <c r="K14" s="19">
        <v>1255</v>
      </c>
    </row>
    <row r="15" spans="1:11" ht="15" customHeight="1">
      <c r="A15" s="17" t="s">
        <v>27</v>
      </c>
      <c r="B15" s="17"/>
      <c r="C15" s="13">
        <v>1500</v>
      </c>
      <c r="D15" s="19">
        <v>763</v>
      </c>
      <c r="E15" s="19">
        <v>737</v>
      </c>
      <c r="F15" s="19"/>
      <c r="G15" s="18" t="s">
        <v>28</v>
      </c>
      <c r="H15" s="17"/>
      <c r="I15" s="13">
        <v>2330</v>
      </c>
      <c r="J15" s="19">
        <v>1176</v>
      </c>
      <c r="K15" s="19">
        <v>1154</v>
      </c>
    </row>
    <row r="16" spans="1:11" ht="15" customHeight="1">
      <c r="A16" s="17" t="s">
        <v>29</v>
      </c>
      <c r="B16" s="17"/>
      <c r="C16" s="13">
        <v>1439</v>
      </c>
      <c r="D16" s="19">
        <v>766</v>
      </c>
      <c r="E16" s="19">
        <v>673</v>
      </c>
      <c r="F16" s="19"/>
      <c r="G16" s="18" t="s">
        <v>30</v>
      </c>
      <c r="H16" s="17"/>
      <c r="I16" s="13">
        <v>2313</v>
      </c>
      <c r="J16" s="19">
        <v>1144</v>
      </c>
      <c r="K16" s="19">
        <v>1169</v>
      </c>
    </row>
    <row r="17" spans="1:11" ht="20.100000000000001" customHeight="1">
      <c r="A17" s="20" t="s">
        <v>31</v>
      </c>
      <c r="B17" s="20"/>
      <c r="C17" s="13">
        <v>7722</v>
      </c>
      <c r="D17" s="14">
        <v>3979</v>
      </c>
      <c r="E17" s="14">
        <v>3743</v>
      </c>
      <c r="F17" s="14"/>
      <c r="G17" s="18" t="s">
        <v>32</v>
      </c>
      <c r="H17" s="17"/>
      <c r="I17" s="13">
        <v>11421</v>
      </c>
      <c r="J17" s="14">
        <v>5682</v>
      </c>
      <c r="K17" s="14">
        <v>5739</v>
      </c>
    </row>
    <row r="18" spans="1:11" ht="15" customHeight="1">
      <c r="A18" s="17" t="s">
        <v>33</v>
      </c>
      <c r="B18" s="17"/>
      <c r="C18" s="13">
        <v>1488</v>
      </c>
      <c r="D18" s="19">
        <v>775</v>
      </c>
      <c r="E18" s="19">
        <v>713</v>
      </c>
      <c r="F18" s="19"/>
      <c r="G18" s="18" t="s">
        <v>34</v>
      </c>
      <c r="H18" s="17"/>
      <c r="I18" s="13">
        <v>2337</v>
      </c>
      <c r="J18" s="19">
        <v>1171</v>
      </c>
      <c r="K18" s="19">
        <v>1166</v>
      </c>
    </row>
    <row r="19" spans="1:11" ht="15" customHeight="1">
      <c r="A19" s="17" t="s">
        <v>35</v>
      </c>
      <c r="B19" s="17"/>
      <c r="C19" s="13">
        <v>1552</v>
      </c>
      <c r="D19" s="19">
        <v>809</v>
      </c>
      <c r="E19" s="19">
        <v>743</v>
      </c>
      <c r="F19" s="19"/>
      <c r="G19" s="18" t="s">
        <v>36</v>
      </c>
      <c r="H19" s="17"/>
      <c r="I19" s="13">
        <v>2347</v>
      </c>
      <c r="J19" s="19">
        <v>1184</v>
      </c>
      <c r="K19" s="19">
        <v>1163</v>
      </c>
    </row>
    <row r="20" spans="1:11" ht="15" customHeight="1">
      <c r="A20" s="17" t="s">
        <v>37</v>
      </c>
      <c r="B20" s="17"/>
      <c r="C20" s="13">
        <v>1571</v>
      </c>
      <c r="D20" s="19">
        <v>826</v>
      </c>
      <c r="E20" s="19">
        <v>745</v>
      </c>
      <c r="F20" s="19"/>
      <c r="G20" s="18" t="s">
        <v>38</v>
      </c>
      <c r="H20" s="17"/>
      <c r="I20" s="13">
        <v>2331</v>
      </c>
      <c r="J20" s="19">
        <v>1163</v>
      </c>
      <c r="K20" s="19">
        <v>1168</v>
      </c>
    </row>
    <row r="21" spans="1:11" ht="15" customHeight="1">
      <c r="A21" s="17" t="s">
        <v>39</v>
      </c>
      <c r="B21" s="17"/>
      <c r="C21" s="13">
        <v>1559</v>
      </c>
      <c r="D21" s="19">
        <v>783</v>
      </c>
      <c r="E21" s="19">
        <v>776</v>
      </c>
      <c r="F21" s="19"/>
      <c r="G21" s="18" t="s">
        <v>40</v>
      </c>
      <c r="H21" s="17"/>
      <c r="I21" s="13">
        <v>2228</v>
      </c>
      <c r="J21" s="19">
        <v>1088</v>
      </c>
      <c r="K21" s="19">
        <v>1140</v>
      </c>
    </row>
    <row r="22" spans="1:11" ht="15" customHeight="1">
      <c r="A22" s="17" t="s">
        <v>41</v>
      </c>
      <c r="B22" s="17"/>
      <c r="C22" s="13">
        <v>1552</v>
      </c>
      <c r="D22" s="19">
        <v>786</v>
      </c>
      <c r="E22" s="19">
        <v>766</v>
      </c>
      <c r="F22" s="19"/>
      <c r="G22" s="18" t="s">
        <v>42</v>
      </c>
      <c r="H22" s="17"/>
      <c r="I22" s="13">
        <v>2178</v>
      </c>
      <c r="J22" s="19">
        <v>1076</v>
      </c>
      <c r="K22" s="19">
        <v>1102</v>
      </c>
    </row>
    <row r="23" spans="1:11" ht="20.100000000000001" customHeight="1">
      <c r="A23" s="17" t="s">
        <v>43</v>
      </c>
      <c r="B23" s="17"/>
      <c r="C23" s="13">
        <v>8354</v>
      </c>
      <c r="D23" s="14">
        <v>4199</v>
      </c>
      <c r="E23" s="14">
        <v>4155</v>
      </c>
      <c r="F23" s="14"/>
      <c r="G23" s="18" t="s">
        <v>44</v>
      </c>
      <c r="H23" s="17"/>
      <c r="I23" s="13">
        <v>12371</v>
      </c>
      <c r="J23" s="14">
        <v>6006</v>
      </c>
      <c r="K23" s="14">
        <v>6365</v>
      </c>
    </row>
    <row r="24" spans="1:11" ht="15" customHeight="1">
      <c r="A24" s="17" t="s">
        <v>45</v>
      </c>
      <c r="B24" s="17"/>
      <c r="C24" s="13">
        <v>1527</v>
      </c>
      <c r="D24" s="19">
        <v>764</v>
      </c>
      <c r="E24" s="19">
        <v>763</v>
      </c>
      <c r="F24" s="19"/>
      <c r="G24" s="18" t="s">
        <v>46</v>
      </c>
      <c r="H24" s="17"/>
      <c r="I24" s="13">
        <v>2277</v>
      </c>
      <c r="J24" s="19">
        <v>1083</v>
      </c>
      <c r="K24" s="19">
        <v>1194</v>
      </c>
    </row>
    <row r="25" spans="1:11" ht="15" customHeight="1">
      <c r="A25" s="17" t="s">
        <v>47</v>
      </c>
      <c r="B25" s="17"/>
      <c r="C25" s="13">
        <v>1588</v>
      </c>
      <c r="D25" s="19">
        <v>820</v>
      </c>
      <c r="E25" s="19">
        <v>768</v>
      </c>
      <c r="F25" s="19"/>
      <c r="G25" s="18" t="s">
        <v>48</v>
      </c>
      <c r="H25" s="17"/>
      <c r="I25" s="13">
        <v>2300</v>
      </c>
      <c r="J25" s="19">
        <v>1097</v>
      </c>
      <c r="K25" s="19">
        <v>1203</v>
      </c>
    </row>
    <row r="26" spans="1:11" ht="15" customHeight="1">
      <c r="A26" s="17" t="s">
        <v>49</v>
      </c>
      <c r="B26" s="17"/>
      <c r="C26" s="13">
        <v>1744</v>
      </c>
      <c r="D26" s="19">
        <v>879</v>
      </c>
      <c r="E26" s="19">
        <v>865</v>
      </c>
      <c r="F26" s="19"/>
      <c r="G26" s="18" t="s">
        <v>50</v>
      </c>
      <c r="H26" s="17"/>
      <c r="I26" s="13">
        <v>2371</v>
      </c>
      <c r="J26" s="19">
        <v>1175</v>
      </c>
      <c r="K26" s="19">
        <v>1196</v>
      </c>
    </row>
    <row r="27" spans="1:11" ht="15" customHeight="1">
      <c r="A27" s="17" t="s">
        <v>51</v>
      </c>
      <c r="B27" s="17"/>
      <c r="C27" s="13">
        <v>1782</v>
      </c>
      <c r="D27" s="19">
        <v>882</v>
      </c>
      <c r="E27" s="19">
        <v>900</v>
      </c>
      <c r="F27" s="19"/>
      <c r="G27" s="18" t="s">
        <v>52</v>
      </c>
      <c r="H27" s="17"/>
      <c r="I27" s="13">
        <v>2621</v>
      </c>
      <c r="J27" s="19">
        <v>1338</v>
      </c>
      <c r="K27" s="19">
        <v>1283</v>
      </c>
    </row>
    <row r="28" spans="1:11" ht="15" customHeight="1">
      <c r="A28" s="17" t="s">
        <v>53</v>
      </c>
      <c r="B28" s="17"/>
      <c r="C28" s="13">
        <v>1713</v>
      </c>
      <c r="D28" s="19">
        <v>854</v>
      </c>
      <c r="E28" s="19">
        <v>859</v>
      </c>
      <c r="F28" s="19"/>
      <c r="G28" s="18" t="s">
        <v>54</v>
      </c>
      <c r="H28" s="17"/>
      <c r="I28" s="13">
        <v>2802</v>
      </c>
      <c r="J28" s="19">
        <v>1313</v>
      </c>
      <c r="K28" s="19">
        <v>1489</v>
      </c>
    </row>
    <row r="29" spans="1:11" ht="20.100000000000001" customHeight="1">
      <c r="A29" s="17" t="s">
        <v>55</v>
      </c>
      <c r="B29" s="17"/>
      <c r="C29" s="13">
        <v>8694</v>
      </c>
      <c r="D29" s="14">
        <v>4202</v>
      </c>
      <c r="E29" s="14">
        <v>4492</v>
      </c>
      <c r="F29" s="14"/>
      <c r="G29" s="18" t="s">
        <v>56</v>
      </c>
      <c r="H29" s="17"/>
      <c r="I29" s="13">
        <v>14894</v>
      </c>
      <c r="J29" s="14">
        <v>7142</v>
      </c>
      <c r="K29" s="14">
        <v>7752</v>
      </c>
    </row>
    <row r="30" spans="1:11" ht="15" customHeight="1">
      <c r="A30" s="17" t="s">
        <v>57</v>
      </c>
      <c r="B30" s="17"/>
      <c r="C30" s="13">
        <v>1772</v>
      </c>
      <c r="D30" s="19">
        <v>820</v>
      </c>
      <c r="E30" s="19">
        <v>952</v>
      </c>
      <c r="F30" s="19"/>
      <c r="G30" s="18" t="s">
        <v>58</v>
      </c>
      <c r="H30" s="17"/>
      <c r="I30" s="13">
        <v>2932</v>
      </c>
      <c r="J30" s="19">
        <v>1415</v>
      </c>
      <c r="K30" s="19">
        <v>1517</v>
      </c>
    </row>
    <row r="31" spans="1:11" ht="15" customHeight="1">
      <c r="A31" s="17" t="s">
        <v>59</v>
      </c>
      <c r="B31" s="17"/>
      <c r="C31" s="13">
        <v>1810</v>
      </c>
      <c r="D31" s="19">
        <v>877</v>
      </c>
      <c r="E31" s="19">
        <v>933</v>
      </c>
      <c r="F31" s="19"/>
      <c r="G31" s="18" t="s">
        <v>60</v>
      </c>
      <c r="H31" s="17"/>
      <c r="I31" s="13">
        <v>3363</v>
      </c>
      <c r="J31" s="19">
        <v>1591</v>
      </c>
      <c r="K31" s="19">
        <v>1772</v>
      </c>
    </row>
    <row r="32" spans="1:11" ht="15" customHeight="1">
      <c r="A32" s="17" t="s">
        <v>61</v>
      </c>
      <c r="B32" s="17"/>
      <c r="C32" s="13">
        <v>1777</v>
      </c>
      <c r="D32" s="19">
        <v>895</v>
      </c>
      <c r="E32" s="19">
        <v>882</v>
      </c>
      <c r="F32" s="19"/>
      <c r="G32" s="18" t="s">
        <v>62</v>
      </c>
      <c r="H32" s="17"/>
      <c r="I32" s="13">
        <v>3166</v>
      </c>
      <c r="J32" s="19">
        <v>1517</v>
      </c>
      <c r="K32" s="19">
        <v>1649</v>
      </c>
    </row>
    <row r="33" spans="1:11" ht="15" customHeight="1">
      <c r="A33" s="17" t="s">
        <v>63</v>
      </c>
      <c r="B33" s="17"/>
      <c r="C33" s="13">
        <v>1621</v>
      </c>
      <c r="D33" s="19">
        <v>784</v>
      </c>
      <c r="E33" s="19">
        <v>837</v>
      </c>
      <c r="F33" s="19"/>
      <c r="G33" s="18" t="s">
        <v>64</v>
      </c>
      <c r="H33" s="17"/>
      <c r="I33" s="13">
        <v>3223</v>
      </c>
      <c r="J33" s="19">
        <v>1570</v>
      </c>
      <c r="K33" s="19">
        <v>1653</v>
      </c>
    </row>
    <row r="34" spans="1:11" ht="15" customHeight="1">
      <c r="A34" s="17" t="s">
        <v>65</v>
      </c>
      <c r="B34" s="17"/>
      <c r="C34" s="13">
        <v>1714</v>
      </c>
      <c r="D34" s="19">
        <v>826</v>
      </c>
      <c r="E34" s="19">
        <v>888</v>
      </c>
      <c r="F34" s="19"/>
      <c r="G34" s="18" t="s">
        <v>66</v>
      </c>
      <c r="H34" s="17"/>
      <c r="I34" s="13">
        <v>2210</v>
      </c>
      <c r="J34" s="19">
        <v>1049</v>
      </c>
      <c r="K34" s="19">
        <v>1161</v>
      </c>
    </row>
    <row r="35" spans="1:11" ht="20.100000000000001" customHeight="1">
      <c r="A35" s="17" t="s">
        <v>67</v>
      </c>
      <c r="B35" s="17"/>
      <c r="C35" s="13">
        <v>8172</v>
      </c>
      <c r="D35" s="14">
        <v>4083</v>
      </c>
      <c r="E35" s="14">
        <v>4089</v>
      </c>
      <c r="F35" s="14"/>
      <c r="G35" s="18" t="s">
        <v>68</v>
      </c>
      <c r="H35" s="17"/>
      <c r="I35" s="13">
        <v>11308</v>
      </c>
      <c r="J35" s="14">
        <v>4971</v>
      </c>
      <c r="K35" s="14">
        <v>6337</v>
      </c>
    </row>
    <row r="36" spans="1:11" ht="15" customHeight="1">
      <c r="A36" s="17" t="s">
        <v>69</v>
      </c>
      <c r="B36" s="17"/>
      <c r="C36" s="13">
        <v>1631</v>
      </c>
      <c r="D36" s="19">
        <v>836</v>
      </c>
      <c r="E36" s="19">
        <v>795</v>
      </c>
      <c r="F36" s="19"/>
      <c r="G36" s="18" t="s">
        <v>70</v>
      </c>
      <c r="H36" s="17"/>
      <c r="I36" s="13">
        <v>1900</v>
      </c>
      <c r="J36" s="19">
        <v>828</v>
      </c>
      <c r="K36" s="19">
        <v>1072</v>
      </c>
    </row>
    <row r="37" spans="1:11" ht="15" customHeight="1">
      <c r="A37" s="17" t="s">
        <v>71</v>
      </c>
      <c r="B37" s="17"/>
      <c r="C37" s="13">
        <v>1647</v>
      </c>
      <c r="D37" s="19">
        <v>793</v>
      </c>
      <c r="E37" s="19">
        <v>854</v>
      </c>
      <c r="F37" s="19"/>
      <c r="G37" s="18" t="s">
        <v>72</v>
      </c>
      <c r="H37" s="17"/>
      <c r="I37" s="13">
        <v>2331</v>
      </c>
      <c r="J37" s="19">
        <v>1063</v>
      </c>
      <c r="K37" s="19">
        <v>1268</v>
      </c>
    </row>
    <row r="38" spans="1:11" ht="15" customHeight="1">
      <c r="A38" s="17" t="s">
        <v>73</v>
      </c>
      <c r="B38" s="17"/>
      <c r="C38" s="13">
        <v>1645</v>
      </c>
      <c r="D38" s="19">
        <v>848</v>
      </c>
      <c r="E38" s="19">
        <v>797</v>
      </c>
      <c r="F38" s="19"/>
      <c r="G38" s="18" t="s">
        <v>74</v>
      </c>
      <c r="H38" s="17"/>
      <c r="I38" s="13">
        <v>2485</v>
      </c>
      <c r="J38" s="19">
        <v>1134</v>
      </c>
      <c r="K38" s="19">
        <v>1351</v>
      </c>
    </row>
    <row r="39" spans="1:11" ht="15" customHeight="1">
      <c r="A39" s="17" t="s">
        <v>75</v>
      </c>
      <c r="B39" s="17"/>
      <c r="C39" s="13">
        <v>1597</v>
      </c>
      <c r="D39" s="19">
        <v>787</v>
      </c>
      <c r="E39" s="19">
        <v>810</v>
      </c>
      <c r="F39" s="19"/>
      <c r="G39" s="18" t="s">
        <v>76</v>
      </c>
      <c r="H39" s="17"/>
      <c r="I39" s="13">
        <v>2324</v>
      </c>
      <c r="J39" s="19">
        <v>990</v>
      </c>
      <c r="K39" s="19">
        <v>1334</v>
      </c>
    </row>
    <row r="40" spans="1:11" ht="15" customHeight="1">
      <c r="A40" s="17" t="s">
        <v>77</v>
      </c>
      <c r="B40" s="17"/>
      <c r="C40" s="13">
        <v>1652</v>
      </c>
      <c r="D40" s="19">
        <v>819</v>
      </c>
      <c r="E40" s="19">
        <v>833</v>
      </c>
      <c r="F40" s="19"/>
      <c r="G40" s="18" t="s">
        <v>78</v>
      </c>
      <c r="H40" s="17"/>
      <c r="I40" s="13">
        <v>2268</v>
      </c>
      <c r="J40" s="19">
        <v>956</v>
      </c>
      <c r="K40" s="19">
        <v>1312</v>
      </c>
    </row>
    <row r="41" spans="1:11" ht="20.100000000000001" customHeight="1">
      <c r="A41" s="17" t="s">
        <v>79</v>
      </c>
      <c r="B41" s="17"/>
      <c r="C41" s="13">
        <v>8657</v>
      </c>
      <c r="D41" s="14">
        <v>4433</v>
      </c>
      <c r="E41" s="14">
        <v>4224</v>
      </c>
      <c r="F41" s="14"/>
      <c r="G41" s="18" t="s">
        <v>80</v>
      </c>
      <c r="H41" s="17"/>
      <c r="I41" s="13">
        <v>8619</v>
      </c>
      <c r="J41" s="14">
        <v>3530</v>
      </c>
      <c r="K41" s="14">
        <v>5089</v>
      </c>
    </row>
    <row r="42" spans="1:11" ht="15" customHeight="1">
      <c r="A42" s="17" t="s">
        <v>81</v>
      </c>
      <c r="B42" s="17"/>
      <c r="C42" s="13">
        <v>1644</v>
      </c>
      <c r="D42" s="19">
        <v>841</v>
      </c>
      <c r="E42" s="19">
        <v>803</v>
      </c>
      <c r="F42" s="19"/>
      <c r="G42" s="18" t="s">
        <v>82</v>
      </c>
      <c r="H42" s="17"/>
      <c r="I42" s="13">
        <v>2028</v>
      </c>
      <c r="J42" s="19">
        <v>881</v>
      </c>
      <c r="K42" s="19">
        <v>1147</v>
      </c>
    </row>
    <row r="43" spans="1:11" ht="15" customHeight="1">
      <c r="A43" s="17" t="s">
        <v>83</v>
      </c>
      <c r="B43" s="17"/>
      <c r="C43" s="13">
        <v>1681</v>
      </c>
      <c r="D43" s="19">
        <v>870</v>
      </c>
      <c r="E43" s="19">
        <v>811</v>
      </c>
      <c r="F43" s="19"/>
      <c r="G43" s="18" t="s">
        <v>84</v>
      </c>
      <c r="H43" s="17"/>
      <c r="I43" s="13">
        <v>1771</v>
      </c>
      <c r="J43" s="19">
        <v>719</v>
      </c>
      <c r="K43" s="19">
        <v>1052</v>
      </c>
    </row>
    <row r="44" spans="1:11" ht="15" customHeight="1">
      <c r="A44" s="17" t="s">
        <v>85</v>
      </c>
      <c r="B44" s="17"/>
      <c r="C44" s="13">
        <v>1752</v>
      </c>
      <c r="D44" s="19">
        <v>897</v>
      </c>
      <c r="E44" s="19">
        <v>855</v>
      </c>
      <c r="F44" s="19"/>
      <c r="G44" s="18" t="s">
        <v>86</v>
      </c>
      <c r="H44" s="17"/>
      <c r="I44" s="13">
        <v>1626</v>
      </c>
      <c r="J44" s="19">
        <v>672</v>
      </c>
      <c r="K44" s="19">
        <v>954</v>
      </c>
    </row>
    <row r="45" spans="1:11" ht="15" customHeight="1">
      <c r="A45" s="17" t="s">
        <v>87</v>
      </c>
      <c r="B45" s="17"/>
      <c r="C45" s="13">
        <v>1787</v>
      </c>
      <c r="D45" s="19">
        <v>920</v>
      </c>
      <c r="E45" s="19">
        <v>867</v>
      </c>
      <c r="F45" s="19"/>
      <c r="G45" s="18" t="s">
        <v>88</v>
      </c>
      <c r="H45" s="17"/>
      <c r="I45" s="13">
        <v>1695</v>
      </c>
      <c r="J45" s="19">
        <v>667</v>
      </c>
      <c r="K45" s="19">
        <v>1028</v>
      </c>
    </row>
    <row r="46" spans="1:11" ht="15" customHeight="1">
      <c r="A46" s="17" t="s">
        <v>89</v>
      </c>
      <c r="B46" s="17"/>
      <c r="C46" s="13">
        <v>1793</v>
      </c>
      <c r="D46" s="19">
        <v>905</v>
      </c>
      <c r="E46" s="19">
        <v>888</v>
      </c>
      <c r="F46" s="19"/>
      <c r="G46" s="18" t="s">
        <v>90</v>
      </c>
      <c r="H46" s="17"/>
      <c r="I46" s="13">
        <v>1499</v>
      </c>
      <c r="J46" s="19">
        <v>591</v>
      </c>
      <c r="K46" s="19">
        <v>908</v>
      </c>
    </row>
    <row r="47" spans="1:11" ht="20.100000000000001" customHeight="1">
      <c r="A47" s="17" t="s">
        <v>91</v>
      </c>
      <c r="B47" s="17"/>
      <c r="C47" s="13">
        <v>10121</v>
      </c>
      <c r="D47" s="14">
        <v>5100</v>
      </c>
      <c r="E47" s="14">
        <v>5021</v>
      </c>
      <c r="F47" s="14"/>
      <c r="G47" s="18" t="s">
        <v>92</v>
      </c>
      <c r="H47" s="17"/>
      <c r="I47" s="13">
        <v>5866</v>
      </c>
      <c r="J47" s="14">
        <v>2136</v>
      </c>
      <c r="K47" s="14">
        <v>3730</v>
      </c>
    </row>
    <row r="48" spans="1:11" ht="15" customHeight="1">
      <c r="A48" s="17" t="s">
        <v>93</v>
      </c>
      <c r="B48" s="17"/>
      <c r="C48" s="13">
        <v>1883</v>
      </c>
      <c r="D48" s="19">
        <v>995</v>
      </c>
      <c r="E48" s="19">
        <v>888</v>
      </c>
      <c r="F48" s="19"/>
      <c r="G48" s="18" t="s">
        <v>94</v>
      </c>
      <c r="H48" s="17"/>
      <c r="I48" s="13">
        <v>1473</v>
      </c>
      <c r="J48" s="19">
        <v>575</v>
      </c>
      <c r="K48" s="19">
        <v>898</v>
      </c>
    </row>
    <row r="49" spans="1:11" ht="15" customHeight="1">
      <c r="A49" s="17" t="s">
        <v>95</v>
      </c>
      <c r="B49" s="17"/>
      <c r="C49" s="13">
        <v>1975</v>
      </c>
      <c r="D49" s="19">
        <v>983</v>
      </c>
      <c r="E49" s="19">
        <v>992</v>
      </c>
      <c r="F49" s="19"/>
      <c r="G49" s="18" t="s">
        <v>96</v>
      </c>
      <c r="H49" s="17"/>
      <c r="I49" s="13">
        <v>1282</v>
      </c>
      <c r="J49" s="19">
        <v>486</v>
      </c>
      <c r="K49" s="19">
        <v>796</v>
      </c>
    </row>
    <row r="50" spans="1:11" ht="15" customHeight="1">
      <c r="A50" s="17" t="s">
        <v>97</v>
      </c>
      <c r="B50" s="17"/>
      <c r="C50" s="13">
        <v>2104</v>
      </c>
      <c r="D50" s="19">
        <v>1042</v>
      </c>
      <c r="E50" s="19">
        <v>1062</v>
      </c>
      <c r="F50" s="19"/>
      <c r="G50" s="18" t="s">
        <v>98</v>
      </c>
      <c r="H50" s="17"/>
      <c r="I50" s="13">
        <v>1183</v>
      </c>
      <c r="J50" s="19">
        <v>420</v>
      </c>
      <c r="K50" s="19">
        <v>763</v>
      </c>
    </row>
    <row r="51" spans="1:11" ht="15" customHeight="1">
      <c r="A51" s="17" t="s">
        <v>99</v>
      </c>
      <c r="B51" s="17"/>
      <c r="C51" s="13">
        <v>2038</v>
      </c>
      <c r="D51" s="19">
        <v>1031</v>
      </c>
      <c r="E51" s="19">
        <v>1007</v>
      </c>
      <c r="F51" s="19"/>
      <c r="G51" s="18" t="s">
        <v>100</v>
      </c>
      <c r="H51" s="17"/>
      <c r="I51" s="13">
        <v>1047</v>
      </c>
      <c r="J51" s="19">
        <v>358</v>
      </c>
      <c r="K51" s="19">
        <v>689</v>
      </c>
    </row>
    <row r="52" spans="1:11" ht="15" customHeight="1">
      <c r="A52" s="17" t="s">
        <v>101</v>
      </c>
      <c r="B52" s="17"/>
      <c r="C52" s="13">
        <v>2121</v>
      </c>
      <c r="D52" s="19">
        <v>1049</v>
      </c>
      <c r="E52" s="19">
        <v>1072</v>
      </c>
      <c r="F52" s="19"/>
      <c r="G52" s="18" t="s">
        <v>102</v>
      </c>
      <c r="H52" s="17"/>
      <c r="I52" s="13">
        <v>881</v>
      </c>
      <c r="J52" s="19">
        <v>297</v>
      </c>
      <c r="K52" s="19">
        <v>584</v>
      </c>
    </row>
    <row r="53" spans="1:11" ht="20.100000000000001" customHeight="1">
      <c r="A53" s="17" t="s">
        <v>103</v>
      </c>
      <c r="B53" s="17"/>
      <c r="C53" s="13">
        <v>11668</v>
      </c>
      <c r="D53" s="14">
        <v>5889</v>
      </c>
      <c r="E53" s="14">
        <v>5779</v>
      </c>
      <c r="F53" s="14"/>
      <c r="G53" s="18" t="s">
        <v>104</v>
      </c>
      <c r="H53" s="17"/>
      <c r="I53" s="13">
        <v>2663</v>
      </c>
      <c r="J53" s="14">
        <v>765</v>
      </c>
      <c r="K53" s="14">
        <v>1898</v>
      </c>
    </row>
    <row r="54" spans="1:11" ht="15" customHeight="1">
      <c r="A54" s="17" t="s">
        <v>105</v>
      </c>
      <c r="B54" s="17"/>
      <c r="C54" s="13">
        <v>2209</v>
      </c>
      <c r="D54" s="19">
        <v>1106</v>
      </c>
      <c r="E54" s="19">
        <v>1103</v>
      </c>
      <c r="F54" s="19"/>
      <c r="G54" s="18" t="s">
        <v>106</v>
      </c>
      <c r="H54" s="17"/>
      <c r="I54" s="13">
        <v>733</v>
      </c>
      <c r="J54" s="19">
        <v>224</v>
      </c>
      <c r="K54" s="19">
        <v>509</v>
      </c>
    </row>
    <row r="55" spans="1:11" ht="15" customHeight="1">
      <c r="A55" s="17" t="s">
        <v>107</v>
      </c>
      <c r="B55" s="17"/>
      <c r="C55" s="13">
        <v>2186</v>
      </c>
      <c r="D55" s="19">
        <v>1123</v>
      </c>
      <c r="E55" s="19">
        <v>1063</v>
      </c>
      <c r="F55" s="19"/>
      <c r="G55" s="18" t="s">
        <v>108</v>
      </c>
      <c r="H55" s="17"/>
      <c r="I55" s="13">
        <v>652</v>
      </c>
      <c r="J55" s="19">
        <v>202</v>
      </c>
      <c r="K55" s="19">
        <v>450</v>
      </c>
    </row>
    <row r="56" spans="1:11" ht="15" customHeight="1">
      <c r="A56" s="17" t="s">
        <v>109</v>
      </c>
      <c r="B56" s="17"/>
      <c r="C56" s="13">
        <v>2340</v>
      </c>
      <c r="D56" s="19">
        <v>1186</v>
      </c>
      <c r="E56" s="19">
        <v>1154</v>
      </c>
      <c r="F56" s="19"/>
      <c r="G56" s="18" t="s">
        <v>110</v>
      </c>
      <c r="H56" s="17"/>
      <c r="I56" s="13">
        <v>519</v>
      </c>
      <c r="J56" s="19">
        <v>133</v>
      </c>
      <c r="K56" s="19">
        <v>386</v>
      </c>
    </row>
    <row r="57" spans="1:11" ht="15" customHeight="1">
      <c r="A57" s="17" t="s">
        <v>111</v>
      </c>
      <c r="B57" s="17"/>
      <c r="C57" s="13">
        <v>2488</v>
      </c>
      <c r="D57" s="19">
        <v>1290</v>
      </c>
      <c r="E57" s="19">
        <v>1198</v>
      </c>
      <c r="F57" s="19"/>
      <c r="G57" s="18" t="s">
        <v>112</v>
      </c>
      <c r="H57" s="17"/>
      <c r="I57" s="13">
        <v>434</v>
      </c>
      <c r="J57" s="19">
        <v>120</v>
      </c>
      <c r="K57" s="19">
        <v>314</v>
      </c>
    </row>
    <row r="58" spans="1:11" ht="15" customHeight="1">
      <c r="A58" s="17" t="s">
        <v>113</v>
      </c>
      <c r="B58" s="17"/>
      <c r="C58" s="13">
        <v>2445</v>
      </c>
      <c r="D58" s="19">
        <v>1184</v>
      </c>
      <c r="E58" s="19">
        <v>1261</v>
      </c>
      <c r="F58" s="19"/>
      <c r="G58" s="18" t="s">
        <v>114</v>
      </c>
      <c r="H58" s="17"/>
      <c r="I58" s="13">
        <v>325</v>
      </c>
      <c r="J58" s="19">
        <v>86</v>
      </c>
      <c r="K58" s="19">
        <v>239</v>
      </c>
    </row>
    <row r="59" spans="1:11" ht="20.100000000000001" customHeight="1">
      <c r="A59" s="17" t="s">
        <v>115</v>
      </c>
      <c r="B59" s="17"/>
      <c r="C59" s="13">
        <v>14633</v>
      </c>
      <c r="D59" s="14">
        <v>7397</v>
      </c>
      <c r="E59" s="14">
        <v>7236</v>
      </c>
      <c r="F59" s="14"/>
      <c r="G59" s="18" t="s">
        <v>116</v>
      </c>
      <c r="H59" s="17"/>
      <c r="I59" s="13">
        <v>780</v>
      </c>
      <c r="J59" s="14">
        <v>173</v>
      </c>
      <c r="K59" s="14">
        <v>607</v>
      </c>
    </row>
    <row r="60" spans="1:11" ht="15" customHeight="1">
      <c r="A60" s="17" t="s">
        <v>117</v>
      </c>
      <c r="B60" s="17"/>
      <c r="C60" s="13">
        <v>2747</v>
      </c>
      <c r="D60" s="19">
        <v>1415</v>
      </c>
      <c r="E60" s="19">
        <v>1332</v>
      </c>
      <c r="F60" s="19"/>
      <c r="G60" s="18" t="s">
        <v>118</v>
      </c>
      <c r="H60" s="17"/>
      <c r="I60" s="13">
        <v>276</v>
      </c>
      <c r="J60" s="19">
        <v>65</v>
      </c>
      <c r="K60" s="19">
        <v>211</v>
      </c>
    </row>
    <row r="61" spans="1:11" ht="15" customHeight="1">
      <c r="A61" s="17" t="s">
        <v>119</v>
      </c>
      <c r="B61" s="17"/>
      <c r="C61" s="13">
        <v>2891</v>
      </c>
      <c r="D61" s="19">
        <v>1462</v>
      </c>
      <c r="E61" s="19">
        <v>1429</v>
      </c>
      <c r="F61" s="19"/>
      <c r="G61" s="18" t="s">
        <v>120</v>
      </c>
      <c r="H61" s="17"/>
      <c r="I61" s="13">
        <v>189</v>
      </c>
      <c r="J61" s="19">
        <v>46</v>
      </c>
      <c r="K61" s="19">
        <v>143</v>
      </c>
    </row>
    <row r="62" spans="1:11" ht="15" customHeight="1">
      <c r="A62" s="17" t="s">
        <v>121</v>
      </c>
      <c r="B62" s="17"/>
      <c r="C62" s="13">
        <v>2975</v>
      </c>
      <c r="D62" s="19">
        <v>1478</v>
      </c>
      <c r="E62" s="19">
        <v>1497</v>
      </c>
      <c r="F62" s="19"/>
      <c r="G62" s="18" t="s">
        <v>122</v>
      </c>
      <c r="H62" s="17"/>
      <c r="I62" s="13">
        <v>131</v>
      </c>
      <c r="J62" s="19">
        <v>26</v>
      </c>
      <c r="K62" s="19">
        <v>105</v>
      </c>
    </row>
    <row r="63" spans="1:11" ht="15" customHeight="1">
      <c r="A63" s="17" t="s">
        <v>123</v>
      </c>
      <c r="B63" s="17"/>
      <c r="C63" s="13">
        <v>3052</v>
      </c>
      <c r="D63" s="19">
        <v>1505</v>
      </c>
      <c r="E63" s="19">
        <v>1547</v>
      </c>
      <c r="F63" s="19"/>
      <c r="G63" s="18" t="s">
        <v>124</v>
      </c>
      <c r="H63" s="17"/>
      <c r="I63" s="13">
        <v>100</v>
      </c>
      <c r="J63" s="19">
        <v>24</v>
      </c>
      <c r="K63" s="19">
        <v>76</v>
      </c>
    </row>
    <row r="64" spans="1:11" ht="15" customHeight="1">
      <c r="A64" s="17" t="s">
        <v>125</v>
      </c>
      <c r="B64" s="17"/>
      <c r="C64" s="13">
        <v>2968</v>
      </c>
      <c r="D64" s="19">
        <v>1537</v>
      </c>
      <c r="E64" s="19">
        <v>1431</v>
      </c>
      <c r="F64" s="19"/>
      <c r="G64" s="18" t="s">
        <v>126</v>
      </c>
      <c r="H64" s="17"/>
      <c r="I64" s="13">
        <v>84</v>
      </c>
      <c r="J64" s="19">
        <v>12</v>
      </c>
      <c r="K64" s="19">
        <v>7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98</v>
      </c>
      <c r="J65" s="19">
        <v>9</v>
      </c>
      <c r="K65" s="19">
        <v>8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229</v>
      </c>
      <c r="J66" s="29">
        <v>1350</v>
      </c>
      <c r="K66" s="29">
        <v>187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78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0731</v>
      </c>
      <c r="D4" s="14">
        <v>19944</v>
      </c>
      <c r="E4" s="14">
        <v>2078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94</v>
      </c>
      <c r="D5" s="14">
        <v>562</v>
      </c>
      <c r="E5" s="14">
        <v>532</v>
      </c>
      <c r="F5" s="14"/>
      <c r="G5" s="18" t="s">
        <v>8</v>
      </c>
      <c r="H5" s="17"/>
      <c r="I5" s="13">
        <v>2970</v>
      </c>
      <c r="J5" s="14">
        <v>1511</v>
      </c>
      <c r="K5" s="14">
        <v>1459</v>
      </c>
    </row>
    <row r="6" spans="1:11" ht="15" customHeight="1">
      <c r="A6" s="17" t="s">
        <v>9</v>
      </c>
      <c r="B6" s="17"/>
      <c r="C6" s="13">
        <v>152</v>
      </c>
      <c r="D6" s="19">
        <v>77</v>
      </c>
      <c r="E6" s="19">
        <v>75</v>
      </c>
      <c r="F6" s="19"/>
      <c r="G6" s="18" t="s">
        <v>10</v>
      </c>
      <c r="H6" s="17"/>
      <c r="I6" s="13">
        <v>630</v>
      </c>
      <c r="J6" s="19">
        <v>339</v>
      </c>
      <c r="K6" s="19">
        <v>291</v>
      </c>
    </row>
    <row r="7" spans="1:11" ht="15" customHeight="1">
      <c r="A7" s="17" t="s">
        <v>11</v>
      </c>
      <c r="B7" s="17"/>
      <c r="C7" s="13">
        <v>225</v>
      </c>
      <c r="D7" s="19">
        <v>106</v>
      </c>
      <c r="E7" s="19">
        <v>119</v>
      </c>
      <c r="F7" s="19"/>
      <c r="G7" s="18" t="s">
        <v>12</v>
      </c>
      <c r="H7" s="17"/>
      <c r="I7" s="13">
        <v>638</v>
      </c>
      <c r="J7" s="19">
        <v>312</v>
      </c>
      <c r="K7" s="19">
        <v>326</v>
      </c>
    </row>
    <row r="8" spans="1:11" ht="15" customHeight="1">
      <c r="A8" s="17" t="s">
        <v>13</v>
      </c>
      <c r="B8" s="17"/>
      <c r="C8" s="13">
        <v>218</v>
      </c>
      <c r="D8" s="19">
        <v>106</v>
      </c>
      <c r="E8" s="19">
        <v>112</v>
      </c>
      <c r="F8" s="19"/>
      <c r="G8" s="18" t="s">
        <v>14</v>
      </c>
      <c r="H8" s="17"/>
      <c r="I8" s="13">
        <v>613</v>
      </c>
      <c r="J8" s="19">
        <v>319</v>
      </c>
      <c r="K8" s="19">
        <v>294</v>
      </c>
    </row>
    <row r="9" spans="1:11" ht="15" customHeight="1">
      <c r="A9" s="17" t="s">
        <v>15</v>
      </c>
      <c r="B9" s="17"/>
      <c r="C9" s="13">
        <v>241</v>
      </c>
      <c r="D9" s="19">
        <v>127</v>
      </c>
      <c r="E9" s="19">
        <v>114</v>
      </c>
      <c r="F9" s="19"/>
      <c r="G9" s="18" t="s">
        <v>16</v>
      </c>
      <c r="H9" s="17"/>
      <c r="I9" s="13">
        <v>632</v>
      </c>
      <c r="J9" s="19">
        <v>318</v>
      </c>
      <c r="K9" s="19">
        <v>314</v>
      </c>
    </row>
    <row r="10" spans="1:11" ht="15" customHeight="1">
      <c r="A10" s="17" t="s">
        <v>17</v>
      </c>
      <c r="B10" s="17"/>
      <c r="C10" s="13">
        <v>258</v>
      </c>
      <c r="D10" s="19">
        <v>146</v>
      </c>
      <c r="E10" s="19">
        <v>112</v>
      </c>
      <c r="F10" s="19"/>
      <c r="G10" s="18" t="s">
        <v>18</v>
      </c>
      <c r="H10" s="17"/>
      <c r="I10" s="13">
        <v>457</v>
      </c>
      <c r="J10" s="19">
        <v>223</v>
      </c>
      <c r="K10" s="19">
        <v>234</v>
      </c>
    </row>
    <row r="11" spans="1:11" ht="20.100000000000001" customHeight="1">
      <c r="A11" s="17" t="s">
        <v>19</v>
      </c>
      <c r="B11" s="17"/>
      <c r="C11" s="13">
        <v>1565</v>
      </c>
      <c r="D11" s="14">
        <v>798</v>
      </c>
      <c r="E11" s="14">
        <v>767</v>
      </c>
      <c r="F11" s="14"/>
      <c r="G11" s="18" t="s">
        <v>20</v>
      </c>
      <c r="H11" s="17"/>
      <c r="I11" s="13">
        <v>2730</v>
      </c>
      <c r="J11" s="14">
        <v>1364</v>
      </c>
      <c r="K11" s="14">
        <v>1366</v>
      </c>
    </row>
    <row r="12" spans="1:11" ht="15" customHeight="1">
      <c r="A12" s="17" t="s">
        <v>21</v>
      </c>
      <c r="B12" s="17"/>
      <c r="C12" s="13">
        <v>284</v>
      </c>
      <c r="D12" s="19">
        <v>150</v>
      </c>
      <c r="E12" s="19">
        <v>134</v>
      </c>
      <c r="F12" s="19"/>
      <c r="G12" s="18" t="s">
        <v>22</v>
      </c>
      <c r="H12" s="17"/>
      <c r="I12" s="13">
        <v>656</v>
      </c>
      <c r="J12" s="19">
        <v>317</v>
      </c>
      <c r="K12" s="19">
        <v>339</v>
      </c>
    </row>
    <row r="13" spans="1:11" ht="15" customHeight="1">
      <c r="A13" s="17" t="s">
        <v>23</v>
      </c>
      <c r="B13" s="17"/>
      <c r="C13" s="13">
        <v>275</v>
      </c>
      <c r="D13" s="19">
        <v>140</v>
      </c>
      <c r="E13" s="19">
        <v>135</v>
      </c>
      <c r="F13" s="19"/>
      <c r="G13" s="18" t="s">
        <v>24</v>
      </c>
      <c r="H13" s="17"/>
      <c r="I13" s="13">
        <v>564</v>
      </c>
      <c r="J13" s="19">
        <v>306</v>
      </c>
      <c r="K13" s="19">
        <v>258</v>
      </c>
    </row>
    <row r="14" spans="1:11" ht="15" customHeight="1">
      <c r="A14" s="17" t="s">
        <v>25</v>
      </c>
      <c r="B14" s="17"/>
      <c r="C14" s="13">
        <v>325</v>
      </c>
      <c r="D14" s="19">
        <v>163</v>
      </c>
      <c r="E14" s="19">
        <v>162</v>
      </c>
      <c r="F14" s="19"/>
      <c r="G14" s="18" t="s">
        <v>26</v>
      </c>
      <c r="H14" s="17"/>
      <c r="I14" s="13">
        <v>566</v>
      </c>
      <c r="J14" s="19">
        <v>273</v>
      </c>
      <c r="K14" s="19">
        <v>293</v>
      </c>
    </row>
    <row r="15" spans="1:11" ht="15" customHeight="1">
      <c r="A15" s="17" t="s">
        <v>27</v>
      </c>
      <c r="B15" s="17"/>
      <c r="C15" s="13">
        <v>342</v>
      </c>
      <c r="D15" s="19">
        <v>177</v>
      </c>
      <c r="E15" s="19">
        <v>165</v>
      </c>
      <c r="F15" s="19"/>
      <c r="G15" s="18" t="s">
        <v>28</v>
      </c>
      <c r="H15" s="17"/>
      <c r="I15" s="13">
        <v>468</v>
      </c>
      <c r="J15" s="19">
        <v>229</v>
      </c>
      <c r="K15" s="19">
        <v>239</v>
      </c>
    </row>
    <row r="16" spans="1:11" ht="15" customHeight="1">
      <c r="A16" s="17" t="s">
        <v>29</v>
      </c>
      <c r="B16" s="17"/>
      <c r="C16" s="13">
        <v>339</v>
      </c>
      <c r="D16" s="19">
        <v>168</v>
      </c>
      <c r="E16" s="19">
        <v>171</v>
      </c>
      <c r="F16" s="19"/>
      <c r="G16" s="18" t="s">
        <v>30</v>
      </c>
      <c r="H16" s="17"/>
      <c r="I16" s="13">
        <v>476</v>
      </c>
      <c r="J16" s="19">
        <v>239</v>
      </c>
      <c r="K16" s="19">
        <v>237</v>
      </c>
    </row>
    <row r="17" spans="1:11" ht="20.100000000000001" customHeight="1">
      <c r="A17" s="20" t="s">
        <v>31</v>
      </c>
      <c r="B17" s="20"/>
      <c r="C17" s="13">
        <v>1777</v>
      </c>
      <c r="D17" s="14">
        <v>905</v>
      </c>
      <c r="E17" s="14">
        <v>872</v>
      </c>
      <c r="F17" s="14"/>
      <c r="G17" s="18" t="s">
        <v>32</v>
      </c>
      <c r="H17" s="17"/>
      <c r="I17" s="13">
        <v>2424</v>
      </c>
      <c r="J17" s="14">
        <v>1236</v>
      </c>
      <c r="K17" s="14">
        <v>1188</v>
      </c>
    </row>
    <row r="18" spans="1:11" ht="15" customHeight="1">
      <c r="A18" s="17" t="s">
        <v>33</v>
      </c>
      <c r="B18" s="17"/>
      <c r="C18" s="13">
        <v>342</v>
      </c>
      <c r="D18" s="19">
        <v>172</v>
      </c>
      <c r="E18" s="19">
        <v>170</v>
      </c>
      <c r="F18" s="19"/>
      <c r="G18" s="18" t="s">
        <v>34</v>
      </c>
      <c r="H18" s="17"/>
      <c r="I18" s="13">
        <v>505</v>
      </c>
      <c r="J18" s="19">
        <v>256</v>
      </c>
      <c r="K18" s="19">
        <v>249</v>
      </c>
    </row>
    <row r="19" spans="1:11" ht="15" customHeight="1">
      <c r="A19" s="17" t="s">
        <v>35</v>
      </c>
      <c r="B19" s="17"/>
      <c r="C19" s="13">
        <v>324</v>
      </c>
      <c r="D19" s="19">
        <v>175</v>
      </c>
      <c r="E19" s="19">
        <v>149</v>
      </c>
      <c r="F19" s="19"/>
      <c r="G19" s="18" t="s">
        <v>36</v>
      </c>
      <c r="H19" s="17"/>
      <c r="I19" s="13">
        <v>477</v>
      </c>
      <c r="J19" s="19">
        <v>245</v>
      </c>
      <c r="K19" s="19">
        <v>232</v>
      </c>
    </row>
    <row r="20" spans="1:11" ht="15" customHeight="1">
      <c r="A20" s="17" t="s">
        <v>37</v>
      </c>
      <c r="B20" s="17"/>
      <c r="C20" s="13">
        <v>375</v>
      </c>
      <c r="D20" s="19">
        <v>190</v>
      </c>
      <c r="E20" s="19">
        <v>185</v>
      </c>
      <c r="F20" s="19"/>
      <c r="G20" s="18" t="s">
        <v>38</v>
      </c>
      <c r="H20" s="17"/>
      <c r="I20" s="13">
        <v>506</v>
      </c>
      <c r="J20" s="19">
        <v>259</v>
      </c>
      <c r="K20" s="19">
        <v>247</v>
      </c>
    </row>
    <row r="21" spans="1:11" ht="15" customHeight="1">
      <c r="A21" s="17" t="s">
        <v>39</v>
      </c>
      <c r="B21" s="17"/>
      <c r="C21" s="13">
        <v>370</v>
      </c>
      <c r="D21" s="19">
        <v>176</v>
      </c>
      <c r="E21" s="19">
        <v>194</v>
      </c>
      <c r="F21" s="19"/>
      <c r="G21" s="18" t="s">
        <v>40</v>
      </c>
      <c r="H21" s="17"/>
      <c r="I21" s="13">
        <v>445</v>
      </c>
      <c r="J21" s="19">
        <v>223</v>
      </c>
      <c r="K21" s="19">
        <v>222</v>
      </c>
    </row>
    <row r="22" spans="1:11" ht="15" customHeight="1">
      <c r="A22" s="17" t="s">
        <v>41</v>
      </c>
      <c r="B22" s="17"/>
      <c r="C22" s="13">
        <v>366</v>
      </c>
      <c r="D22" s="19">
        <v>192</v>
      </c>
      <c r="E22" s="19">
        <v>174</v>
      </c>
      <c r="F22" s="19"/>
      <c r="G22" s="18" t="s">
        <v>42</v>
      </c>
      <c r="H22" s="17"/>
      <c r="I22" s="13">
        <v>491</v>
      </c>
      <c r="J22" s="19">
        <v>253</v>
      </c>
      <c r="K22" s="19">
        <v>238</v>
      </c>
    </row>
    <row r="23" spans="1:11" ht="20.100000000000001" customHeight="1">
      <c r="A23" s="17" t="s">
        <v>43</v>
      </c>
      <c r="B23" s="17"/>
      <c r="C23" s="13">
        <v>1874</v>
      </c>
      <c r="D23" s="14">
        <v>987</v>
      </c>
      <c r="E23" s="14">
        <v>887</v>
      </c>
      <c r="F23" s="14"/>
      <c r="G23" s="18" t="s">
        <v>44</v>
      </c>
      <c r="H23" s="17"/>
      <c r="I23" s="13">
        <v>2875</v>
      </c>
      <c r="J23" s="14">
        <v>1380</v>
      </c>
      <c r="K23" s="14">
        <v>1495</v>
      </c>
    </row>
    <row r="24" spans="1:11" ht="15" customHeight="1">
      <c r="A24" s="17" t="s">
        <v>45</v>
      </c>
      <c r="B24" s="17"/>
      <c r="C24" s="13">
        <v>363</v>
      </c>
      <c r="D24" s="19">
        <v>187</v>
      </c>
      <c r="E24" s="19">
        <v>176</v>
      </c>
      <c r="F24" s="19"/>
      <c r="G24" s="18" t="s">
        <v>46</v>
      </c>
      <c r="H24" s="17"/>
      <c r="I24" s="13">
        <v>519</v>
      </c>
      <c r="J24" s="19">
        <v>254</v>
      </c>
      <c r="K24" s="19">
        <v>265</v>
      </c>
    </row>
    <row r="25" spans="1:11" ht="15" customHeight="1">
      <c r="A25" s="17" t="s">
        <v>47</v>
      </c>
      <c r="B25" s="17"/>
      <c r="C25" s="13">
        <v>377</v>
      </c>
      <c r="D25" s="19">
        <v>203</v>
      </c>
      <c r="E25" s="19">
        <v>174</v>
      </c>
      <c r="F25" s="19"/>
      <c r="G25" s="18" t="s">
        <v>48</v>
      </c>
      <c r="H25" s="17"/>
      <c r="I25" s="13">
        <v>501</v>
      </c>
      <c r="J25" s="19">
        <v>242</v>
      </c>
      <c r="K25" s="19">
        <v>259</v>
      </c>
    </row>
    <row r="26" spans="1:11" ht="15" customHeight="1">
      <c r="A26" s="17" t="s">
        <v>49</v>
      </c>
      <c r="B26" s="17"/>
      <c r="C26" s="13">
        <v>388</v>
      </c>
      <c r="D26" s="19">
        <v>208</v>
      </c>
      <c r="E26" s="19">
        <v>180</v>
      </c>
      <c r="F26" s="19"/>
      <c r="G26" s="18" t="s">
        <v>50</v>
      </c>
      <c r="H26" s="17"/>
      <c r="I26" s="13">
        <v>539</v>
      </c>
      <c r="J26" s="19">
        <v>253</v>
      </c>
      <c r="K26" s="19">
        <v>286</v>
      </c>
    </row>
    <row r="27" spans="1:11" ht="15" customHeight="1">
      <c r="A27" s="17" t="s">
        <v>51</v>
      </c>
      <c r="B27" s="17"/>
      <c r="C27" s="13">
        <v>377</v>
      </c>
      <c r="D27" s="19">
        <v>194</v>
      </c>
      <c r="E27" s="19">
        <v>183</v>
      </c>
      <c r="F27" s="19"/>
      <c r="G27" s="18" t="s">
        <v>52</v>
      </c>
      <c r="H27" s="17"/>
      <c r="I27" s="13">
        <v>641</v>
      </c>
      <c r="J27" s="19">
        <v>316</v>
      </c>
      <c r="K27" s="19">
        <v>325</v>
      </c>
    </row>
    <row r="28" spans="1:11" ht="15" customHeight="1">
      <c r="A28" s="17" t="s">
        <v>53</v>
      </c>
      <c r="B28" s="17"/>
      <c r="C28" s="13">
        <v>369</v>
      </c>
      <c r="D28" s="19">
        <v>195</v>
      </c>
      <c r="E28" s="19">
        <v>174</v>
      </c>
      <c r="F28" s="19"/>
      <c r="G28" s="18" t="s">
        <v>54</v>
      </c>
      <c r="H28" s="17"/>
      <c r="I28" s="13">
        <v>675</v>
      </c>
      <c r="J28" s="19">
        <v>315</v>
      </c>
      <c r="K28" s="19">
        <v>360</v>
      </c>
    </row>
    <row r="29" spans="1:11" ht="20.100000000000001" customHeight="1">
      <c r="A29" s="17" t="s">
        <v>55</v>
      </c>
      <c r="B29" s="17"/>
      <c r="C29" s="13">
        <v>1729</v>
      </c>
      <c r="D29" s="14">
        <v>882</v>
      </c>
      <c r="E29" s="14">
        <v>847</v>
      </c>
      <c r="F29" s="14"/>
      <c r="G29" s="18" t="s">
        <v>56</v>
      </c>
      <c r="H29" s="17"/>
      <c r="I29" s="13">
        <v>3491</v>
      </c>
      <c r="J29" s="14">
        <v>1620</v>
      </c>
      <c r="K29" s="14">
        <v>1871</v>
      </c>
    </row>
    <row r="30" spans="1:11" ht="15" customHeight="1">
      <c r="A30" s="17" t="s">
        <v>57</v>
      </c>
      <c r="B30" s="17"/>
      <c r="C30" s="13">
        <v>384</v>
      </c>
      <c r="D30" s="19">
        <v>193</v>
      </c>
      <c r="E30" s="19">
        <v>191</v>
      </c>
      <c r="F30" s="19"/>
      <c r="G30" s="18" t="s">
        <v>58</v>
      </c>
      <c r="H30" s="17"/>
      <c r="I30" s="13">
        <v>660</v>
      </c>
      <c r="J30" s="19">
        <v>308</v>
      </c>
      <c r="K30" s="19">
        <v>352</v>
      </c>
    </row>
    <row r="31" spans="1:11" ht="15" customHeight="1">
      <c r="A31" s="17" t="s">
        <v>59</v>
      </c>
      <c r="B31" s="17"/>
      <c r="C31" s="13">
        <v>332</v>
      </c>
      <c r="D31" s="19">
        <v>173</v>
      </c>
      <c r="E31" s="19">
        <v>159</v>
      </c>
      <c r="F31" s="19"/>
      <c r="G31" s="18" t="s">
        <v>60</v>
      </c>
      <c r="H31" s="17"/>
      <c r="I31" s="13">
        <v>754</v>
      </c>
      <c r="J31" s="19">
        <v>352</v>
      </c>
      <c r="K31" s="19">
        <v>402</v>
      </c>
    </row>
    <row r="32" spans="1:11" ht="15" customHeight="1">
      <c r="A32" s="17" t="s">
        <v>61</v>
      </c>
      <c r="B32" s="17"/>
      <c r="C32" s="13">
        <v>370</v>
      </c>
      <c r="D32" s="19">
        <v>200</v>
      </c>
      <c r="E32" s="19">
        <v>170</v>
      </c>
      <c r="F32" s="19"/>
      <c r="G32" s="18" t="s">
        <v>62</v>
      </c>
      <c r="H32" s="17"/>
      <c r="I32" s="13">
        <v>754</v>
      </c>
      <c r="J32" s="19">
        <v>358</v>
      </c>
      <c r="K32" s="19">
        <v>396</v>
      </c>
    </row>
    <row r="33" spans="1:11" ht="15" customHeight="1">
      <c r="A33" s="17" t="s">
        <v>63</v>
      </c>
      <c r="B33" s="17"/>
      <c r="C33" s="13">
        <v>305</v>
      </c>
      <c r="D33" s="19">
        <v>160</v>
      </c>
      <c r="E33" s="19">
        <v>145</v>
      </c>
      <c r="F33" s="19"/>
      <c r="G33" s="18" t="s">
        <v>64</v>
      </c>
      <c r="H33" s="17"/>
      <c r="I33" s="13">
        <v>752</v>
      </c>
      <c r="J33" s="19">
        <v>337</v>
      </c>
      <c r="K33" s="19">
        <v>415</v>
      </c>
    </row>
    <row r="34" spans="1:11" ht="15" customHeight="1">
      <c r="A34" s="17" t="s">
        <v>65</v>
      </c>
      <c r="B34" s="17"/>
      <c r="C34" s="13">
        <v>338</v>
      </c>
      <c r="D34" s="19">
        <v>156</v>
      </c>
      <c r="E34" s="19">
        <v>182</v>
      </c>
      <c r="F34" s="19"/>
      <c r="G34" s="18" t="s">
        <v>66</v>
      </c>
      <c r="H34" s="17"/>
      <c r="I34" s="13">
        <v>571</v>
      </c>
      <c r="J34" s="19">
        <v>265</v>
      </c>
      <c r="K34" s="19">
        <v>306</v>
      </c>
    </row>
    <row r="35" spans="1:11" ht="20.100000000000001" customHeight="1">
      <c r="A35" s="17" t="s">
        <v>67</v>
      </c>
      <c r="B35" s="17"/>
      <c r="C35" s="13">
        <v>1460</v>
      </c>
      <c r="D35" s="14">
        <v>757</v>
      </c>
      <c r="E35" s="14">
        <v>703</v>
      </c>
      <c r="F35" s="14"/>
      <c r="G35" s="18" t="s">
        <v>68</v>
      </c>
      <c r="H35" s="17"/>
      <c r="I35" s="13">
        <v>2906</v>
      </c>
      <c r="J35" s="14">
        <v>1325</v>
      </c>
      <c r="K35" s="14">
        <v>1581</v>
      </c>
    </row>
    <row r="36" spans="1:11" ht="15" customHeight="1">
      <c r="A36" s="17" t="s">
        <v>69</v>
      </c>
      <c r="B36" s="17"/>
      <c r="C36" s="13">
        <v>310</v>
      </c>
      <c r="D36" s="19">
        <v>154</v>
      </c>
      <c r="E36" s="19">
        <v>156</v>
      </c>
      <c r="F36" s="19"/>
      <c r="G36" s="18" t="s">
        <v>70</v>
      </c>
      <c r="H36" s="17"/>
      <c r="I36" s="13">
        <v>514</v>
      </c>
      <c r="J36" s="19">
        <v>234</v>
      </c>
      <c r="K36" s="19">
        <v>280</v>
      </c>
    </row>
    <row r="37" spans="1:11" ht="15" customHeight="1">
      <c r="A37" s="17" t="s">
        <v>71</v>
      </c>
      <c r="B37" s="17"/>
      <c r="C37" s="13">
        <v>303</v>
      </c>
      <c r="D37" s="19">
        <v>154</v>
      </c>
      <c r="E37" s="19">
        <v>149</v>
      </c>
      <c r="F37" s="19"/>
      <c r="G37" s="18" t="s">
        <v>72</v>
      </c>
      <c r="H37" s="17"/>
      <c r="I37" s="13">
        <v>571</v>
      </c>
      <c r="J37" s="19">
        <v>254</v>
      </c>
      <c r="K37" s="19">
        <v>317</v>
      </c>
    </row>
    <row r="38" spans="1:11" ht="15" customHeight="1">
      <c r="A38" s="17" t="s">
        <v>73</v>
      </c>
      <c r="B38" s="17"/>
      <c r="C38" s="13">
        <v>295</v>
      </c>
      <c r="D38" s="19">
        <v>165</v>
      </c>
      <c r="E38" s="19">
        <v>130</v>
      </c>
      <c r="F38" s="19"/>
      <c r="G38" s="18" t="s">
        <v>74</v>
      </c>
      <c r="H38" s="17"/>
      <c r="I38" s="13">
        <v>628</v>
      </c>
      <c r="J38" s="19">
        <v>277</v>
      </c>
      <c r="K38" s="19">
        <v>351</v>
      </c>
    </row>
    <row r="39" spans="1:11" ht="15" customHeight="1">
      <c r="A39" s="17" t="s">
        <v>75</v>
      </c>
      <c r="B39" s="17"/>
      <c r="C39" s="13">
        <v>266</v>
      </c>
      <c r="D39" s="19">
        <v>150</v>
      </c>
      <c r="E39" s="19">
        <v>116</v>
      </c>
      <c r="F39" s="19"/>
      <c r="G39" s="18" t="s">
        <v>76</v>
      </c>
      <c r="H39" s="17"/>
      <c r="I39" s="13">
        <v>615</v>
      </c>
      <c r="J39" s="19">
        <v>297</v>
      </c>
      <c r="K39" s="19">
        <v>318</v>
      </c>
    </row>
    <row r="40" spans="1:11" ht="15" customHeight="1">
      <c r="A40" s="17" t="s">
        <v>77</v>
      </c>
      <c r="B40" s="17"/>
      <c r="C40" s="13">
        <v>286</v>
      </c>
      <c r="D40" s="19">
        <v>134</v>
      </c>
      <c r="E40" s="19">
        <v>152</v>
      </c>
      <c r="F40" s="19"/>
      <c r="G40" s="18" t="s">
        <v>78</v>
      </c>
      <c r="H40" s="17"/>
      <c r="I40" s="13">
        <v>578</v>
      </c>
      <c r="J40" s="19">
        <v>263</v>
      </c>
      <c r="K40" s="19">
        <v>315</v>
      </c>
    </row>
    <row r="41" spans="1:11" ht="20.100000000000001" customHeight="1">
      <c r="A41" s="17" t="s">
        <v>79</v>
      </c>
      <c r="B41" s="17"/>
      <c r="C41" s="13">
        <v>1524</v>
      </c>
      <c r="D41" s="14">
        <v>792</v>
      </c>
      <c r="E41" s="14">
        <v>732</v>
      </c>
      <c r="F41" s="14"/>
      <c r="G41" s="18" t="s">
        <v>80</v>
      </c>
      <c r="H41" s="17"/>
      <c r="I41" s="13">
        <v>2168</v>
      </c>
      <c r="J41" s="14">
        <v>959</v>
      </c>
      <c r="K41" s="14">
        <v>1209</v>
      </c>
    </row>
    <row r="42" spans="1:11" ht="15" customHeight="1">
      <c r="A42" s="17" t="s">
        <v>81</v>
      </c>
      <c r="B42" s="17"/>
      <c r="C42" s="13">
        <v>259</v>
      </c>
      <c r="D42" s="19">
        <v>131</v>
      </c>
      <c r="E42" s="19">
        <v>128</v>
      </c>
      <c r="F42" s="19"/>
      <c r="G42" s="18" t="s">
        <v>82</v>
      </c>
      <c r="H42" s="17"/>
      <c r="I42" s="13">
        <v>536</v>
      </c>
      <c r="J42" s="19">
        <v>223</v>
      </c>
      <c r="K42" s="19">
        <v>313</v>
      </c>
    </row>
    <row r="43" spans="1:11" ht="15" customHeight="1">
      <c r="A43" s="17" t="s">
        <v>83</v>
      </c>
      <c r="B43" s="17"/>
      <c r="C43" s="13">
        <v>294</v>
      </c>
      <c r="D43" s="19">
        <v>144</v>
      </c>
      <c r="E43" s="19">
        <v>150</v>
      </c>
      <c r="F43" s="19"/>
      <c r="G43" s="18" t="s">
        <v>84</v>
      </c>
      <c r="H43" s="17"/>
      <c r="I43" s="13">
        <v>464</v>
      </c>
      <c r="J43" s="19">
        <v>224</v>
      </c>
      <c r="K43" s="19">
        <v>240</v>
      </c>
    </row>
    <row r="44" spans="1:11" ht="15" customHeight="1">
      <c r="A44" s="17" t="s">
        <v>85</v>
      </c>
      <c r="B44" s="17"/>
      <c r="C44" s="13">
        <v>347</v>
      </c>
      <c r="D44" s="19">
        <v>185</v>
      </c>
      <c r="E44" s="19">
        <v>162</v>
      </c>
      <c r="F44" s="19"/>
      <c r="G44" s="18" t="s">
        <v>86</v>
      </c>
      <c r="H44" s="17"/>
      <c r="I44" s="13">
        <v>386</v>
      </c>
      <c r="J44" s="19">
        <v>175</v>
      </c>
      <c r="K44" s="19">
        <v>211</v>
      </c>
    </row>
    <row r="45" spans="1:11" ht="15" customHeight="1">
      <c r="A45" s="17" t="s">
        <v>87</v>
      </c>
      <c r="B45" s="17"/>
      <c r="C45" s="13">
        <v>297</v>
      </c>
      <c r="D45" s="19">
        <v>150</v>
      </c>
      <c r="E45" s="19">
        <v>147</v>
      </c>
      <c r="F45" s="19"/>
      <c r="G45" s="18" t="s">
        <v>88</v>
      </c>
      <c r="H45" s="17"/>
      <c r="I45" s="13">
        <v>377</v>
      </c>
      <c r="J45" s="19">
        <v>168</v>
      </c>
      <c r="K45" s="19">
        <v>209</v>
      </c>
    </row>
    <row r="46" spans="1:11" ht="15" customHeight="1">
      <c r="A46" s="17" t="s">
        <v>89</v>
      </c>
      <c r="B46" s="17"/>
      <c r="C46" s="13">
        <v>327</v>
      </c>
      <c r="D46" s="19">
        <v>182</v>
      </c>
      <c r="E46" s="19">
        <v>145</v>
      </c>
      <c r="F46" s="19"/>
      <c r="G46" s="18" t="s">
        <v>90</v>
      </c>
      <c r="H46" s="17"/>
      <c r="I46" s="13">
        <v>405</v>
      </c>
      <c r="J46" s="19">
        <v>169</v>
      </c>
      <c r="K46" s="19">
        <v>236</v>
      </c>
    </row>
    <row r="47" spans="1:11" ht="20.100000000000001" customHeight="1">
      <c r="A47" s="17" t="s">
        <v>91</v>
      </c>
      <c r="B47" s="17"/>
      <c r="C47" s="13">
        <v>2031</v>
      </c>
      <c r="D47" s="14">
        <v>1019</v>
      </c>
      <c r="E47" s="14">
        <v>1012</v>
      </c>
      <c r="F47" s="14"/>
      <c r="G47" s="18" t="s">
        <v>92</v>
      </c>
      <c r="H47" s="17"/>
      <c r="I47" s="13">
        <v>1342</v>
      </c>
      <c r="J47" s="14">
        <v>524</v>
      </c>
      <c r="K47" s="14">
        <v>818</v>
      </c>
    </row>
    <row r="48" spans="1:11" ht="15" customHeight="1">
      <c r="A48" s="17" t="s">
        <v>93</v>
      </c>
      <c r="B48" s="17"/>
      <c r="C48" s="13">
        <v>350</v>
      </c>
      <c r="D48" s="19">
        <v>177</v>
      </c>
      <c r="E48" s="19">
        <v>173</v>
      </c>
      <c r="F48" s="19"/>
      <c r="G48" s="18" t="s">
        <v>94</v>
      </c>
      <c r="H48" s="17"/>
      <c r="I48" s="13">
        <v>371</v>
      </c>
      <c r="J48" s="19">
        <v>154</v>
      </c>
      <c r="K48" s="19">
        <v>217</v>
      </c>
    </row>
    <row r="49" spans="1:11" ht="15" customHeight="1">
      <c r="A49" s="17" t="s">
        <v>95</v>
      </c>
      <c r="B49" s="17"/>
      <c r="C49" s="13">
        <v>386</v>
      </c>
      <c r="D49" s="19">
        <v>183</v>
      </c>
      <c r="E49" s="19">
        <v>203</v>
      </c>
      <c r="F49" s="19"/>
      <c r="G49" s="18" t="s">
        <v>96</v>
      </c>
      <c r="H49" s="17"/>
      <c r="I49" s="13">
        <v>313</v>
      </c>
      <c r="J49" s="19">
        <v>121</v>
      </c>
      <c r="K49" s="19">
        <v>192</v>
      </c>
    </row>
    <row r="50" spans="1:11" ht="15" customHeight="1">
      <c r="A50" s="17" t="s">
        <v>97</v>
      </c>
      <c r="B50" s="17"/>
      <c r="C50" s="13">
        <v>428</v>
      </c>
      <c r="D50" s="19">
        <v>216</v>
      </c>
      <c r="E50" s="19">
        <v>212</v>
      </c>
      <c r="F50" s="19"/>
      <c r="G50" s="18" t="s">
        <v>98</v>
      </c>
      <c r="H50" s="17"/>
      <c r="I50" s="13">
        <v>250</v>
      </c>
      <c r="J50" s="19">
        <v>102</v>
      </c>
      <c r="K50" s="19">
        <v>148</v>
      </c>
    </row>
    <row r="51" spans="1:11" ht="15" customHeight="1">
      <c r="A51" s="17" t="s">
        <v>99</v>
      </c>
      <c r="B51" s="17"/>
      <c r="C51" s="13">
        <v>419</v>
      </c>
      <c r="D51" s="19">
        <v>223</v>
      </c>
      <c r="E51" s="19">
        <v>196</v>
      </c>
      <c r="F51" s="19"/>
      <c r="G51" s="18" t="s">
        <v>100</v>
      </c>
      <c r="H51" s="17"/>
      <c r="I51" s="13">
        <v>234</v>
      </c>
      <c r="J51" s="19">
        <v>85</v>
      </c>
      <c r="K51" s="19">
        <v>149</v>
      </c>
    </row>
    <row r="52" spans="1:11" ht="15" customHeight="1">
      <c r="A52" s="17" t="s">
        <v>101</v>
      </c>
      <c r="B52" s="17"/>
      <c r="C52" s="13">
        <v>448</v>
      </c>
      <c r="D52" s="19">
        <v>220</v>
      </c>
      <c r="E52" s="19">
        <v>228</v>
      </c>
      <c r="F52" s="19"/>
      <c r="G52" s="18" t="s">
        <v>102</v>
      </c>
      <c r="H52" s="17"/>
      <c r="I52" s="13">
        <v>174</v>
      </c>
      <c r="J52" s="19">
        <v>62</v>
      </c>
      <c r="K52" s="19">
        <v>112</v>
      </c>
    </row>
    <row r="53" spans="1:11" ht="20.100000000000001" customHeight="1">
      <c r="A53" s="17" t="s">
        <v>103</v>
      </c>
      <c r="B53" s="17"/>
      <c r="C53" s="13">
        <v>2464</v>
      </c>
      <c r="D53" s="14">
        <v>1245</v>
      </c>
      <c r="E53" s="14">
        <v>1219</v>
      </c>
      <c r="F53" s="14"/>
      <c r="G53" s="18" t="s">
        <v>104</v>
      </c>
      <c r="H53" s="17"/>
      <c r="I53" s="13">
        <v>533</v>
      </c>
      <c r="J53" s="14">
        <v>155</v>
      </c>
      <c r="K53" s="14">
        <v>378</v>
      </c>
    </row>
    <row r="54" spans="1:11" ht="15" customHeight="1">
      <c r="A54" s="17" t="s">
        <v>105</v>
      </c>
      <c r="B54" s="17"/>
      <c r="C54" s="13">
        <v>454</v>
      </c>
      <c r="D54" s="19">
        <v>227</v>
      </c>
      <c r="E54" s="19">
        <v>227</v>
      </c>
      <c r="F54" s="19"/>
      <c r="G54" s="18" t="s">
        <v>106</v>
      </c>
      <c r="H54" s="17"/>
      <c r="I54" s="13">
        <v>138</v>
      </c>
      <c r="J54" s="19">
        <v>40</v>
      </c>
      <c r="K54" s="19">
        <v>98</v>
      </c>
    </row>
    <row r="55" spans="1:11" ht="15" customHeight="1">
      <c r="A55" s="17" t="s">
        <v>107</v>
      </c>
      <c r="B55" s="17"/>
      <c r="C55" s="13">
        <v>473</v>
      </c>
      <c r="D55" s="19">
        <v>249</v>
      </c>
      <c r="E55" s="19">
        <v>224</v>
      </c>
      <c r="F55" s="19"/>
      <c r="G55" s="18" t="s">
        <v>108</v>
      </c>
      <c r="H55" s="17"/>
      <c r="I55" s="13">
        <v>141</v>
      </c>
      <c r="J55" s="19">
        <v>49</v>
      </c>
      <c r="K55" s="19">
        <v>92</v>
      </c>
    </row>
    <row r="56" spans="1:11" ht="15" customHeight="1">
      <c r="A56" s="17" t="s">
        <v>109</v>
      </c>
      <c r="B56" s="17"/>
      <c r="C56" s="13">
        <v>474</v>
      </c>
      <c r="D56" s="19">
        <v>244</v>
      </c>
      <c r="E56" s="19">
        <v>230</v>
      </c>
      <c r="F56" s="19"/>
      <c r="G56" s="18" t="s">
        <v>110</v>
      </c>
      <c r="H56" s="17"/>
      <c r="I56" s="13">
        <v>110</v>
      </c>
      <c r="J56" s="19">
        <v>28</v>
      </c>
      <c r="K56" s="19">
        <v>82</v>
      </c>
    </row>
    <row r="57" spans="1:11" ht="15" customHeight="1">
      <c r="A57" s="17" t="s">
        <v>111</v>
      </c>
      <c r="B57" s="17"/>
      <c r="C57" s="13">
        <v>525</v>
      </c>
      <c r="D57" s="19">
        <v>258</v>
      </c>
      <c r="E57" s="19">
        <v>267</v>
      </c>
      <c r="F57" s="19"/>
      <c r="G57" s="18" t="s">
        <v>112</v>
      </c>
      <c r="H57" s="17"/>
      <c r="I57" s="13">
        <v>80</v>
      </c>
      <c r="J57" s="19">
        <v>24</v>
      </c>
      <c r="K57" s="19">
        <v>56</v>
      </c>
    </row>
    <row r="58" spans="1:11" ht="15" customHeight="1">
      <c r="A58" s="17" t="s">
        <v>113</v>
      </c>
      <c r="B58" s="17"/>
      <c r="C58" s="13">
        <v>538</v>
      </c>
      <c r="D58" s="19">
        <v>267</v>
      </c>
      <c r="E58" s="19">
        <v>271</v>
      </c>
      <c r="F58" s="19"/>
      <c r="G58" s="18" t="s">
        <v>114</v>
      </c>
      <c r="H58" s="17"/>
      <c r="I58" s="13">
        <v>64</v>
      </c>
      <c r="J58" s="19">
        <v>14</v>
      </c>
      <c r="K58" s="19">
        <v>50</v>
      </c>
    </row>
    <row r="59" spans="1:11" ht="20.100000000000001" customHeight="1">
      <c r="A59" s="17" t="s">
        <v>115</v>
      </c>
      <c r="B59" s="17"/>
      <c r="C59" s="13">
        <v>3228</v>
      </c>
      <c r="D59" s="14">
        <v>1685</v>
      </c>
      <c r="E59" s="14">
        <v>1543</v>
      </c>
      <c r="F59" s="14"/>
      <c r="G59" s="18" t="s">
        <v>116</v>
      </c>
      <c r="H59" s="17"/>
      <c r="I59" s="13">
        <v>120</v>
      </c>
      <c r="J59" s="14">
        <v>31</v>
      </c>
      <c r="K59" s="14">
        <v>89</v>
      </c>
    </row>
    <row r="60" spans="1:11" ht="15" customHeight="1">
      <c r="A60" s="17" t="s">
        <v>117</v>
      </c>
      <c r="B60" s="17"/>
      <c r="C60" s="13">
        <v>576</v>
      </c>
      <c r="D60" s="19">
        <v>285</v>
      </c>
      <c r="E60" s="19">
        <v>291</v>
      </c>
      <c r="F60" s="19"/>
      <c r="G60" s="18" t="s">
        <v>118</v>
      </c>
      <c r="H60" s="17"/>
      <c r="I60" s="13">
        <v>52</v>
      </c>
      <c r="J60" s="19">
        <v>17</v>
      </c>
      <c r="K60" s="19">
        <v>35</v>
      </c>
    </row>
    <row r="61" spans="1:11" ht="15" customHeight="1">
      <c r="A61" s="17" t="s">
        <v>119</v>
      </c>
      <c r="B61" s="17"/>
      <c r="C61" s="13">
        <v>632</v>
      </c>
      <c r="D61" s="19">
        <v>347</v>
      </c>
      <c r="E61" s="19">
        <v>285</v>
      </c>
      <c r="F61" s="19"/>
      <c r="G61" s="18" t="s">
        <v>120</v>
      </c>
      <c r="H61" s="17"/>
      <c r="I61" s="13">
        <v>22</v>
      </c>
      <c r="J61" s="19">
        <v>4</v>
      </c>
      <c r="K61" s="19">
        <v>18</v>
      </c>
    </row>
    <row r="62" spans="1:11" ht="15" customHeight="1">
      <c r="A62" s="17" t="s">
        <v>121</v>
      </c>
      <c r="B62" s="17"/>
      <c r="C62" s="13">
        <v>727</v>
      </c>
      <c r="D62" s="19">
        <v>378</v>
      </c>
      <c r="E62" s="19">
        <v>349</v>
      </c>
      <c r="F62" s="19"/>
      <c r="G62" s="18" t="s">
        <v>122</v>
      </c>
      <c r="H62" s="17"/>
      <c r="I62" s="13">
        <v>24</v>
      </c>
      <c r="J62" s="19">
        <v>4</v>
      </c>
      <c r="K62" s="19">
        <v>20</v>
      </c>
    </row>
    <row r="63" spans="1:11" ht="15" customHeight="1">
      <c r="A63" s="17" t="s">
        <v>123</v>
      </c>
      <c r="B63" s="17"/>
      <c r="C63" s="13">
        <v>632</v>
      </c>
      <c r="D63" s="19">
        <v>342</v>
      </c>
      <c r="E63" s="19">
        <v>290</v>
      </c>
      <c r="F63" s="19"/>
      <c r="G63" s="18" t="s">
        <v>124</v>
      </c>
      <c r="H63" s="17"/>
      <c r="I63" s="13">
        <v>11</v>
      </c>
      <c r="J63" s="19">
        <v>4</v>
      </c>
      <c r="K63" s="19">
        <v>7</v>
      </c>
    </row>
    <row r="64" spans="1:11" ht="15" customHeight="1">
      <c r="A64" s="17" t="s">
        <v>125</v>
      </c>
      <c r="B64" s="17"/>
      <c r="C64" s="13">
        <v>661</v>
      </c>
      <c r="D64" s="19">
        <v>333</v>
      </c>
      <c r="E64" s="19">
        <v>328</v>
      </c>
      <c r="F64" s="19"/>
      <c r="G64" s="18" t="s">
        <v>126</v>
      </c>
      <c r="H64" s="17"/>
      <c r="I64" s="13">
        <v>11</v>
      </c>
      <c r="J64" s="19">
        <v>2</v>
      </c>
      <c r="K64" s="19">
        <v>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6</v>
      </c>
      <c r="J65" s="19">
        <v>6</v>
      </c>
      <c r="K65" s="19">
        <v>2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00</v>
      </c>
      <c r="J66" s="29">
        <v>201</v>
      </c>
      <c r="K66" s="29">
        <v>19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263</v>
      </c>
      <c r="D4" s="14">
        <v>4647</v>
      </c>
      <c r="E4" s="14">
        <v>461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93</v>
      </c>
      <c r="D5" s="14">
        <v>97</v>
      </c>
      <c r="E5" s="14">
        <v>96</v>
      </c>
      <c r="F5" s="14"/>
      <c r="G5" s="18" t="s">
        <v>8</v>
      </c>
      <c r="H5" s="17"/>
      <c r="I5" s="13">
        <v>582</v>
      </c>
      <c r="J5" s="14">
        <v>305</v>
      </c>
      <c r="K5" s="14">
        <v>277</v>
      </c>
    </row>
    <row r="6" spans="1:11" ht="15" customHeight="1">
      <c r="A6" s="17" t="s">
        <v>9</v>
      </c>
      <c r="B6" s="17"/>
      <c r="C6" s="13">
        <v>29</v>
      </c>
      <c r="D6" s="19">
        <v>15</v>
      </c>
      <c r="E6" s="19">
        <v>14</v>
      </c>
      <c r="F6" s="19"/>
      <c r="G6" s="18" t="s">
        <v>10</v>
      </c>
      <c r="H6" s="17"/>
      <c r="I6" s="13">
        <v>128</v>
      </c>
      <c r="J6" s="19">
        <v>75</v>
      </c>
      <c r="K6" s="19">
        <v>53</v>
      </c>
    </row>
    <row r="7" spans="1:11" ht="15" customHeight="1">
      <c r="A7" s="17" t="s">
        <v>11</v>
      </c>
      <c r="B7" s="17"/>
      <c r="C7" s="13">
        <v>40</v>
      </c>
      <c r="D7" s="19">
        <v>17</v>
      </c>
      <c r="E7" s="19">
        <v>23</v>
      </c>
      <c r="F7" s="19"/>
      <c r="G7" s="18" t="s">
        <v>12</v>
      </c>
      <c r="H7" s="17"/>
      <c r="I7" s="13">
        <v>120</v>
      </c>
      <c r="J7" s="19">
        <v>60</v>
      </c>
      <c r="K7" s="19">
        <v>60</v>
      </c>
    </row>
    <row r="8" spans="1:11" ht="15" customHeight="1">
      <c r="A8" s="17" t="s">
        <v>13</v>
      </c>
      <c r="B8" s="17"/>
      <c r="C8" s="13">
        <v>35</v>
      </c>
      <c r="D8" s="19">
        <v>15</v>
      </c>
      <c r="E8" s="19">
        <v>20</v>
      </c>
      <c r="F8" s="19"/>
      <c r="G8" s="18" t="s">
        <v>14</v>
      </c>
      <c r="H8" s="17"/>
      <c r="I8" s="13">
        <v>106</v>
      </c>
      <c r="J8" s="19">
        <v>54</v>
      </c>
      <c r="K8" s="19">
        <v>52</v>
      </c>
    </row>
    <row r="9" spans="1:11" ht="15" customHeight="1">
      <c r="A9" s="17" t="s">
        <v>15</v>
      </c>
      <c r="B9" s="17"/>
      <c r="C9" s="13">
        <v>45</v>
      </c>
      <c r="D9" s="19">
        <v>26</v>
      </c>
      <c r="E9" s="19">
        <v>19</v>
      </c>
      <c r="F9" s="19"/>
      <c r="G9" s="18" t="s">
        <v>16</v>
      </c>
      <c r="H9" s="17"/>
      <c r="I9" s="13">
        <v>139</v>
      </c>
      <c r="J9" s="19">
        <v>76</v>
      </c>
      <c r="K9" s="19">
        <v>63</v>
      </c>
    </row>
    <row r="10" spans="1:11" ht="15" customHeight="1">
      <c r="A10" s="17" t="s">
        <v>17</v>
      </c>
      <c r="B10" s="17"/>
      <c r="C10" s="13">
        <v>44</v>
      </c>
      <c r="D10" s="19">
        <v>24</v>
      </c>
      <c r="E10" s="19">
        <v>20</v>
      </c>
      <c r="F10" s="19"/>
      <c r="G10" s="18" t="s">
        <v>18</v>
      </c>
      <c r="H10" s="17"/>
      <c r="I10" s="13">
        <v>89</v>
      </c>
      <c r="J10" s="19">
        <v>40</v>
      </c>
      <c r="K10" s="19">
        <v>49</v>
      </c>
    </row>
    <row r="11" spans="1:11" ht="20.100000000000001" customHeight="1">
      <c r="A11" s="17" t="s">
        <v>19</v>
      </c>
      <c r="B11" s="17"/>
      <c r="C11" s="13">
        <v>259</v>
      </c>
      <c r="D11" s="14">
        <v>129</v>
      </c>
      <c r="E11" s="14">
        <v>130</v>
      </c>
      <c r="F11" s="14"/>
      <c r="G11" s="18" t="s">
        <v>20</v>
      </c>
      <c r="H11" s="17"/>
      <c r="I11" s="13">
        <v>507</v>
      </c>
      <c r="J11" s="14">
        <v>250</v>
      </c>
      <c r="K11" s="14">
        <v>257</v>
      </c>
    </row>
    <row r="12" spans="1:11" ht="15" customHeight="1">
      <c r="A12" s="17" t="s">
        <v>21</v>
      </c>
      <c r="B12" s="17"/>
      <c r="C12" s="13">
        <v>53</v>
      </c>
      <c r="D12" s="19">
        <v>23</v>
      </c>
      <c r="E12" s="19">
        <v>30</v>
      </c>
      <c r="F12" s="19"/>
      <c r="G12" s="18" t="s">
        <v>22</v>
      </c>
      <c r="H12" s="17"/>
      <c r="I12" s="13">
        <v>116</v>
      </c>
      <c r="J12" s="19">
        <v>63</v>
      </c>
      <c r="K12" s="19">
        <v>53</v>
      </c>
    </row>
    <row r="13" spans="1:11" ht="15" customHeight="1">
      <c r="A13" s="17" t="s">
        <v>23</v>
      </c>
      <c r="B13" s="17"/>
      <c r="C13" s="13">
        <v>52</v>
      </c>
      <c r="D13" s="19">
        <v>26</v>
      </c>
      <c r="E13" s="19">
        <v>26</v>
      </c>
      <c r="F13" s="19"/>
      <c r="G13" s="18" t="s">
        <v>24</v>
      </c>
      <c r="H13" s="17"/>
      <c r="I13" s="13">
        <v>114</v>
      </c>
      <c r="J13" s="19">
        <v>55</v>
      </c>
      <c r="K13" s="19">
        <v>59</v>
      </c>
    </row>
    <row r="14" spans="1:11" ht="15" customHeight="1">
      <c r="A14" s="17" t="s">
        <v>25</v>
      </c>
      <c r="B14" s="17"/>
      <c r="C14" s="13">
        <v>45</v>
      </c>
      <c r="D14" s="19">
        <v>20</v>
      </c>
      <c r="E14" s="19">
        <v>25</v>
      </c>
      <c r="F14" s="19"/>
      <c r="G14" s="18" t="s">
        <v>26</v>
      </c>
      <c r="H14" s="17"/>
      <c r="I14" s="13">
        <v>91</v>
      </c>
      <c r="J14" s="19">
        <v>46</v>
      </c>
      <c r="K14" s="19">
        <v>45</v>
      </c>
    </row>
    <row r="15" spans="1:11" ht="15" customHeight="1">
      <c r="A15" s="17" t="s">
        <v>27</v>
      </c>
      <c r="B15" s="17"/>
      <c r="C15" s="13">
        <v>50</v>
      </c>
      <c r="D15" s="19">
        <v>27</v>
      </c>
      <c r="E15" s="19">
        <v>23</v>
      </c>
      <c r="F15" s="19"/>
      <c r="G15" s="18" t="s">
        <v>28</v>
      </c>
      <c r="H15" s="17"/>
      <c r="I15" s="13">
        <v>86</v>
      </c>
      <c r="J15" s="19">
        <v>43</v>
      </c>
      <c r="K15" s="19">
        <v>43</v>
      </c>
    </row>
    <row r="16" spans="1:11" ht="15" customHeight="1">
      <c r="A16" s="17" t="s">
        <v>29</v>
      </c>
      <c r="B16" s="17"/>
      <c r="C16" s="13">
        <v>59</v>
      </c>
      <c r="D16" s="19">
        <v>33</v>
      </c>
      <c r="E16" s="19">
        <v>26</v>
      </c>
      <c r="F16" s="19"/>
      <c r="G16" s="18" t="s">
        <v>30</v>
      </c>
      <c r="H16" s="17"/>
      <c r="I16" s="13">
        <v>100</v>
      </c>
      <c r="J16" s="19">
        <v>43</v>
      </c>
      <c r="K16" s="19">
        <v>57</v>
      </c>
    </row>
    <row r="17" spans="1:11" ht="20.100000000000001" customHeight="1">
      <c r="A17" s="20" t="s">
        <v>31</v>
      </c>
      <c r="B17" s="20"/>
      <c r="C17" s="13">
        <v>380</v>
      </c>
      <c r="D17" s="14">
        <v>176</v>
      </c>
      <c r="E17" s="14">
        <v>204</v>
      </c>
      <c r="F17" s="14"/>
      <c r="G17" s="18" t="s">
        <v>32</v>
      </c>
      <c r="H17" s="17"/>
      <c r="I17" s="13">
        <v>553</v>
      </c>
      <c r="J17" s="14">
        <v>278</v>
      </c>
      <c r="K17" s="14">
        <v>275</v>
      </c>
    </row>
    <row r="18" spans="1:11" ht="15" customHeight="1">
      <c r="A18" s="17" t="s">
        <v>33</v>
      </c>
      <c r="B18" s="17"/>
      <c r="C18" s="13">
        <v>64</v>
      </c>
      <c r="D18" s="19">
        <v>32</v>
      </c>
      <c r="E18" s="19">
        <v>32</v>
      </c>
      <c r="F18" s="19"/>
      <c r="G18" s="18" t="s">
        <v>34</v>
      </c>
      <c r="H18" s="17"/>
      <c r="I18" s="13">
        <v>109</v>
      </c>
      <c r="J18" s="19">
        <v>53</v>
      </c>
      <c r="K18" s="19">
        <v>56</v>
      </c>
    </row>
    <row r="19" spans="1:11" ht="15" customHeight="1">
      <c r="A19" s="17" t="s">
        <v>35</v>
      </c>
      <c r="B19" s="17"/>
      <c r="C19" s="13">
        <v>69</v>
      </c>
      <c r="D19" s="19">
        <v>33</v>
      </c>
      <c r="E19" s="19">
        <v>36</v>
      </c>
      <c r="F19" s="19"/>
      <c r="G19" s="18" t="s">
        <v>36</v>
      </c>
      <c r="H19" s="17"/>
      <c r="I19" s="13">
        <v>89</v>
      </c>
      <c r="J19" s="19">
        <v>44</v>
      </c>
      <c r="K19" s="19">
        <v>45</v>
      </c>
    </row>
    <row r="20" spans="1:11" ht="15" customHeight="1">
      <c r="A20" s="17" t="s">
        <v>37</v>
      </c>
      <c r="B20" s="17"/>
      <c r="C20" s="13">
        <v>86</v>
      </c>
      <c r="D20" s="19">
        <v>41</v>
      </c>
      <c r="E20" s="19">
        <v>45</v>
      </c>
      <c r="F20" s="19"/>
      <c r="G20" s="18" t="s">
        <v>38</v>
      </c>
      <c r="H20" s="17"/>
      <c r="I20" s="13">
        <v>112</v>
      </c>
      <c r="J20" s="19">
        <v>56</v>
      </c>
      <c r="K20" s="19">
        <v>56</v>
      </c>
    </row>
    <row r="21" spans="1:11" ht="15" customHeight="1">
      <c r="A21" s="17" t="s">
        <v>39</v>
      </c>
      <c r="B21" s="17"/>
      <c r="C21" s="13">
        <v>80</v>
      </c>
      <c r="D21" s="19">
        <v>35</v>
      </c>
      <c r="E21" s="19">
        <v>45</v>
      </c>
      <c r="F21" s="19"/>
      <c r="G21" s="18" t="s">
        <v>40</v>
      </c>
      <c r="H21" s="17"/>
      <c r="I21" s="13">
        <v>119</v>
      </c>
      <c r="J21" s="19">
        <v>59</v>
      </c>
      <c r="K21" s="19">
        <v>60</v>
      </c>
    </row>
    <row r="22" spans="1:11" ht="15" customHeight="1">
      <c r="A22" s="17" t="s">
        <v>41</v>
      </c>
      <c r="B22" s="17"/>
      <c r="C22" s="13">
        <v>81</v>
      </c>
      <c r="D22" s="19">
        <v>35</v>
      </c>
      <c r="E22" s="19">
        <v>46</v>
      </c>
      <c r="F22" s="19"/>
      <c r="G22" s="18" t="s">
        <v>42</v>
      </c>
      <c r="H22" s="17"/>
      <c r="I22" s="13">
        <v>124</v>
      </c>
      <c r="J22" s="19">
        <v>66</v>
      </c>
      <c r="K22" s="19">
        <v>58</v>
      </c>
    </row>
    <row r="23" spans="1:11" ht="20.100000000000001" customHeight="1">
      <c r="A23" s="17" t="s">
        <v>43</v>
      </c>
      <c r="B23" s="17"/>
      <c r="C23" s="13">
        <v>446</v>
      </c>
      <c r="D23" s="14">
        <v>252</v>
      </c>
      <c r="E23" s="14">
        <v>194</v>
      </c>
      <c r="F23" s="14"/>
      <c r="G23" s="18" t="s">
        <v>44</v>
      </c>
      <c r="H23" s="17"/>
      <c r="I23" s="13">
        <v>739</v>
      </c>
      <c r="J23" s="14">
        <v>333</v>
      </c>
      <c r="K23" s="14">
        <v>406</v>
      </c>
    </row>
    <row r="24" spans="1:11" ht="15" customHeight="1">
      <c r="A24" s="17" t="s">
        <v>45</v>
      </c>
      <c r="B24" s="17"/>
      <c r="C24" s="13">
        <v>79</v>
      </c>
      <c r="D24" s="19">
        <v>44</v>
      </c>
      <c r="E24" s="19">
        <v>35</v>
      </c>
      <c r="F24" s="19"/>
      <c r="G24" s="18" t="s">
        <v>46</v>
      </c>
      <c r="H24" s="17"/>
      <c r="I24" s="13">
        <v>133</v>
      </c>
      <c r="J24" s="19">
        <v>67</v>
      </c>
      <c r="K24" s="19">
        <v>66</v>
      </c>
    </row>
    <row r="25" spans="1:11" ht="15" customHeight="1">
      <c r="A25" s="17" t="s">
        <v>47</v>
      </c>
      <c r="B25" s="17"/>
      <c r="C25" s="13">
        <v>101</v>
      </c>
      <c r="D25" s="19">
        <v>63</v>
      </c>
      <c r="E25" s="19">
        <v>38</v>
      </c>
      <c r="F25" s="19"/>
      <c r="G25" s="18" t="s">
        <v>48</v>
      </c>
      <c r="H25" s="17"/>
      <c r="I25" s="13">
        <v>132</v>
      </c>
      <c r="J25" s="19">
        <v>51</v>
      </c>
      <c r="K25" s="19">
        <v>81</v>
      </c>
    </row>
    <row r="26" spans="1:11" ht="15" customHeight="1">
      <c r="A26" s="17" t="s">
        <v>49</v>
      </c>
      <c r="B26" s="17"/>
      <c r="C26" s="13">
        <v>93</v>
      </c>
      <c r="D26" s="19">
        <v>57</v>
      </c>
      <c r="E26" s="19">
        <v>36</v>
      </c>
      <c r="F26" s="19"/>
      <c r="G26" s="18" t="s">
        <v>50</v>
      </c>
      <c r="H26" s="17"/>
      <c r="I26" s="13">
        <v>144</v>
      </c>
      <c r="J26" s="19">
        <v>63</v>
      </c>
      <c r="K26" s="19">
        <v>81</v>
      </c>
    </row>
    <row r="27" spans="1:11" ht="15" customHeight="1">
      <c r="A27" s="17" t="s">
        <v>51</v>
      </c>
      <c r="B27" s="17"/>
      <c r="C27" s="13">
        <v>86</v>
      </c>
      <c r="D27" s="19">
        <v>51</v>
      </c>
      <c r="E27" s="19">
        <v>35</v>
      </c>
      <c r="F27" s="19"/>
      <c r="G27" s="18" t="s">
        <v>52</v>
      </c>
      <c r="H27" s="17"/>
      <c r="I27" s="13">
        <v>155</v>
      </c>
      <c r="J27" s="19">
        <v>75</v>
      </c>
      <c r="K27" s="19">
        <v>80</v>
      </c>
    </row>
    <row r="28" spans="1:11" ht="15" customHeight="1">
      <c r="A28" s="17" t="s">
        <v>53</v>
      </c>
      <c r="B28" s="17"/>
      <c r="C28" s="13">
        <v>87</v>
      </c>
      <c r="D28" s="19">
        <v>37</v>
      </c>
      <c r="E28" s="19">
        <v>50</v>
      </c>
      <c r="F28" s="19"/>
      <c r="G28" s="18" t="s">
        <v>54</v>
      </c>
      <c r="H28" s="17"/>
      <c r="I28" s="13">
        <v>175</v>
      </c>
      <c r="J28" s="19">
        <v>77</v>
      </c>
      <c r="K28" s="19">
        <v>98</v>
      </c>
    </row>
    <row r="29" spans="1:11" ht="20.100000000000001" customHeight="1">
      <c r="A29" s="17" t="s">
        <v>55</v>
      </c>
      <c r="B29" s="17"/>
      <c r="C29" s="13">
        <v>384</v>
      </c>
      <c r="D29" s="14">
        <v>223</v>
      </c>
      <c r="E29" s="14">
        <v>161</v>
      </c>
      <c r="F29" s="14"/>
      <c r="G29" s="18" t="s">
        <v>56</v>
      </c>
      <c r="H29" s="17"/>
      <c r="I29" s="13">
        <v>937</v>
      </c>
      <c r="J29" s="14">
        <v>469</v>
      </c>
      <c r="K29" s="14">
        <v>468</v>
      </c>
    </row>
    <row r="30" spans="1:11" ht="15" customHeight="1">
      <c r="A30" s="17" t="s">
        <v>57</v>
      </c>
      <c r="B30" s="17"/>
      <c r="C30" s="13">
        <v>80</v>
      </c>
      <c r="D30" s="19">
        <v>48</v>
      </c>
      <c r="E30" s="19">
        <v>32</v>
      </c>
      <c r="F30" s="19"/>
      <c r="G30" s="18" t="s">
        <v>58</v>
      </c>
      <c r="H30" s="17"/>
      <c r="I30" s="13">
        <v>172</v>
      </c>
      <c r="J30" s="19">
        <v>82</v>
      </c>
      <c r="K30" s="19">
        <v>90</v>
      </c>
    </row>
    <row r="31" spans="1:11" ht="15" customHeight="1">
      <c r="A31" s="17" t="s">
        <v>59</v>
      </c>
      <c r="B31" s="17"/>
      <c r="C31" s="13">
        <v>89</v>
      </c>
      <c r="D31" s="19">
        <v>49</v>
      </c>
      <c r="E31" s="19">
        <v>40</v>
      </c>
      <c r="F31" s="19"/>
      <c r="G31" s="18" t="s">
        <v>60</v>
      </c>
      <c r="H31" s="17"/>
      <c r="I31" s="13">
        <v>214</v>
      </c>
      <c r="J31" s="19">
        <v>111</v>
      </c>
      <c r="K31" s="19">
        <v>103</v>
      </c>
    </row>
    <row r="32" spans="1:11" ht="15" customHeight="1">
      <c r="A32" s="17" t="s">
        <v>61</v>
      </c>
      <c r="B32" s="17"/>
      <c r="C32" s="13">
        <v>82</v>
      </c>
      <c r="D32" s="19">
        <v>40</v>
      </c>
      <c r="E32" s="19">
        <v>42</v>
      </c>
      <c r="F32" s="19"/>
      <c r="G32" s="18" t="s">
        <v>62</v>
      </c>
      <c r="H32" s="17"/>
      <c r="I32" s="13">
        <v>197</v>
      </c>
      <c r="J32" s="19">
        <v>99</v>
      </c>
      <c r="K32" s="19">
        <v>98</v>
      </c>
    </row>
    <row r="33" spans="1:11" ht="15" customHeight="1">
      <c r="A33" s="17" t="s">
        <v>63</v>
      </c>
      <c r="B33" s="17"/>
      <c r="C33" s="13">
        <v>70</v>
      </c>
      <c r="D33" s="19">
        <v>46</v>
      </c>
      <c r="E33" s="19">
        <v>24</v>
      </c>
      <c r="F33" s="19"/>
      <c r="G33" s="18" t="s">
        <v>64</v>
      </c>
      <c r="H33" s="17"/>
      <c r="I33" s="13">
        <v>196</v>
      </c>
      <c r="J33" s="19">
        <v>100</v>
      </c>
      <c r="K33" s="19">
        <v>96</v>
      </c>
    </row>
    <row r="34" spans="1:11" ht="15" customHeight="1">
      <c r="A34" s="17" t="s">
        <v>65</v>
      </c>
      <c r="B34" s="17"/>
      <c r="C34" s="13">
        <v>63</v>
      </c>
      <c r="D34" s="19">
        <v>40</v>
      </c>
      <c r="E34" s="19">
        <v>23</v>
      </c>
      <c r="F34" s="19"/>
      <c r="G34" s="18" t="s">
        <v>66</v>
      </c>
      <c r="H34" s="17"/>
      <c r="I34" s="13">
        <v>158</v>
      </c>
      <c r="J34" s="19">
        <v>77</v>
      </c>
      <c r="K34" s="19">
        <v>81</v>
      </c>
    </row>
    <row r="35" spans="1:11" ht="20.100000000000001" customHeight="1">
      <c r="A35" s="17" t="s">
        <v>67</v>
      </c>
      <c r="B35" s="17"/>
      <c r="C35" s="13">
        <v>264</v>
      </c>
      <c r="D35" s="14">
        <v>137</v>
      </c>
      <c r="E35" s="14">
        <v>127</v>
      </c>
      <c r="F35" s="14"/>
      <c r="G35" s="18" t="s">
        <v>68</v>
      </c>
      <c r="H35" s="17"/>
      <c r="I35" s="13">
        <v>676</v>
      </c>
      <c r="J35" s="14">
        <v>322</v>
      </c>
      <c r="K35" s="14">
        <v>354</v>
      </c>
    </row>
    <row r="36" spans="1:11" ht="15" customHeight="1">
      <c r="A36" s="17" t="s">
        <v>69</v>
      </c>
      <c r="B36" s="17"/>
      <c r="C36" s="13">
        <v>58</v>
      </c>
      <c r="D36" s="19">
        <v>24</v>
      </c>
      <c r="E36" s="19">
        <v>34</v>
      </c>
      <c r="F36" s="19"/>
      <c r="G36" s="18" t="s">
        <v>70</v>
      </c>
      <c r="H36" s="17"/>
      <c r="I36" s="13">
        <v>121</v>
      </c>
      <c r="J36" s="19">
        <v>63</v>
      </c>
      <c r="K36" s="19">
        <v>58</v>
      </c>
    </row>
    <row r="37" spans="1:11" ht="15" customHeight="1">
      <c r="A37" s="17" t="s">
        <v>71</v>
      </c>
      <c r="B37" s="17"/>
      <c r="C37" s="13">
        <v>61</v>
      </c>
      <c r="D37" s="19">
        <v>31</v>
      </c>
      <c r="E37" s="19">
        <v>30</v>
      </c>
      <c r="F37" s="19"/>
      <c r="G37" s="18" t="s">
        <v>72</v>
      </c>
      <c r="H37" s="17"/>
      <c r="I37" s="13">
        <v>165</v>
      </c>
      <c r="J37" s="19">
        <v>80</v>
      </c>
      <c r="K37" s="19">
        <v>85</v>
      </c>
    </row>
    <row r="38" spans="1:11" ht="15" customHeight="1">
      <c r="A38" s="17" t="s">
        <v>73</v>
      </c>
      <c r="B38" s="17"/>
      <c r="C38" s="13">
        <v>42</v>
      </c>
      <c r="D38" s="19">
        <v>25</v>
      </c>
      <c r="E38" s="19">
        <v>17</v>
      </c>
      <c r="F38" s="19"/>
      <c r="G38" s="18" t="s">
        <v>74</v>
      </c>
      <c r="H38" s="17"/>
      <c r="I38" s="13">
        <v>144</v>
      </c>
      <c r="J38" s="19">
        <v>66</v>
      </c>
      <c r="K38" s="19">
        <v>78</v>
      </c>
    </row>
    <row r="39" spans="1:11" ht="15" customHeight="1">
      <c r="A39" s="17" t="s">
        <v>75</v>
      </c>
      <c r="B39" s="17"/>
      <c r="C39" s="13">
        <v>50</v>
      </c>
      <c r="D39" s="19">
        <v>29</v>
      </c>
      <c r="E39" s="19">
        <v>21</v>
      </c>
      <c r="F39" s="19"/>
      <c r="G39" s="18" t="s">
        <v>76</v>
      </c>
      <c r="H39" s="17"/>
      <c r="I39" s="13">
        <v>132</v>
      </c>
      <c r="J39" s="19">
        <v>65</v>
      </c>
      <c r="K39" s="19">
        <v>67</v>
      </c>
    </row>
    <row r="40" spans="1:11" ht="15" customHeight="1">
      <c r="A40" s="17" t="s">
        <v>77</v>
      </c>
      <c r="B40" s="17"/>
      <c r="C40" s="13">
        <v>53</v>
      </c>
      <c r="D40" s="19">
        <v>28</v>
      </c>
      <c r="E40" s="19">
        <v>25</v>
      </c>
      <c r="F40" s="19"/>
      <c r="G40" s="18" t="s">
        <v>78</v>
      </c>
      <c r="H40" s="17"/>
      <c r="I40" s="13">
        <v>114</v>
      </c>
      <c r="J40" s="19">
        <v>48</v>
      </c>
      <c r="K40" s="19">
        <v>66</v>
      </c>
    </row>
    <row r="41" spans="1:11" ht="20.100000000000001" customHeight="1">
      <c r="A41" s="17" t="s">
        <v>79</v>
      </c>
      <c r="B41" s="17"/>
      <c r="C41" s="13">
        <v>327</v>
      </c>
      <c r="D41" s="14">
        <v>167</v>
      </c>
      <c r="E41" s="14">
        <v>160</v>
      </c>
      <c r="F41" s="14"/>
      <c r="G41" s="18" t="s">
        <v>80</v>
      </c>
      <c r="H41" s="17"/>
      <c r="I41" s="13">
        <v>466</v>
      </c>
      <c r="J41" s="14">
        <v>215</v>
      </c>
      <c r="K41" s="14">
        <v>251</v>
      </c>
    </row>
    <row r="42" spans="1:11" ht="15" customHeight="1">
      <c r="A42" s="17" t="s">
        <v>81</v>
      </c>
      <c r="B42" s="17"/>
      <c r="C42" s="13">
        <v>55</v>
      </c>
      <c r="D42" s="19">
        <v>25</v>
      </c>
      <c r="E42" s="19">
        <v>30</v>
      </c>
      <c r="F42" s="19"/>
      <c r="G42" s="18" t="s">
        <v>82</v>
      </c>
      <c r="H42" s="17"/>
      <c r="I42" s="13">
        <v>121</v>
      </c>
      <c r="J42" s="19">
        <v>55</v>
      </c>
      <c r="K42" s="19">
        <v>66</v>
      </c>
    </row>
    <row r="43" spans="1:11" ht="15" customHeight="1">
      <c r="A43" s="17" t="s">
        <v>83</v>
      </c>
      <c r="B43" s="17"/>
      <c r="C43" s="13">
        <v>72</v>
      </c>
      <c r="D43" s="19">
        <v>35</v>
      </c>
      <c r="E43" s="19">
        <v>37</v>
      </c>
      <c r="F43" s="19"/>
      <c r="G43" s="18" t="s">
        <v>84</v>
      </c>
      <c r="H43" s="17"/>
      <c r="I43" s="13">
        <v>92</v>
      </c>
      <c r="J43" s="19">
        <v>49</v>
      </c>
      <c r="K43" s="19">
        <v>43</v>
      </c>
    </row>
    <row r="44" spans="1:11" ht="15" customHeight="1">
      <c r="A44" s="17" t="s">
        <v>85</v>
      </c>
      <c r="B44" s="17"/>
      <c r="C44" s="13">
        <v>58</v>
      </c>
      <c r="D44" s="19">
        <v>28</v>
      </c>
      <c r="E44" s="19">
        <v>30</v>
      </c>
      <c r="F44" s="19"/>
      <c r="G44" s="18" t="s">
        <v>86</v>
      </c>
      <c r="H44" s="17"/>
      <c r="I44" s="13">
        <v>81</v>
      </c>
      <c r="J44" s="19">
        <v>35</v>
      </c>
      <c r="K44" s="19">
        <v>46</v>
      </c>
    </row>
    <row r="45" spans="1:11" ht="15" customHeight="1">
      <c r="A45" s="17" t="s">
        <v>87</v>
      </c>
      <c r="B45" s="17"/>
      <c r="C45" s="13">
        <v>75</v>
      </c>
      <c r="D45" s="19">
        <v>43</v>
      </c>
      <c r="E45" s="19">
        <v>32</v>
      </c>
      <c r="F45" s="19"/>
      <c r="G45" s="18" t="s">
        <v>88</v>
      </c>
      <c r="H45" s="17"/>
      <c r="I45" s="13">
        <v>96</v>
      </c>
      <c r="J45" s="19">
        <v>41</v>
      </c>
      <c r="K45" s="19">
        <v>55</v>
      </c>
    </row>
    <row r="46" spans="1:11" ht="15" customHeight="1">
      <c r="A46" s="17" t="s">
        <v>89</v>
      </c>
      <c r="B46" s="17"/>
      <c r="C46" s="13">
        <v>67</v>
      </c>
      <c r="D46" s="19">
        <v>36</v>
      </c>
      <c r="E46" s="19">
        <v>31</v>
      </c>
      <c r="F46" s="19"/>
      <c r="G46" s="18" t="s">
        <v>90</v>
      </c>
      <c r="H46" s="17"/>
      <c r="I46" s="13">
        <v>76</v>
      </c>
      <c r="J46" s="19">
        <v>35</v>
      </c>
      <c r="K46" s="19">
        <v>41</v>
      </c>
    </row>
    <row r="47" spans="1:11" ht="20.100000000000001" customHeight="1">
      <c r="A47" s="17" t="s">
        <v>91</v>
      </c>
      <c r="B47" s="17"/>
      <c r="C47" s="13">
        <v>428</v>
      </c>
      <c r="D47" s="14">
        <v>236</v>
      </c>
      <c r="E47" s="14">
        <v>192</v>
      </c>
      <c r="F47" s="14"/>
      <c r="G47" s="18" t="s">
        <v>92</v>
      </c>
      <c r="H47" s="17"/>
      <c r="I47" s="13">
        <v>256</v>
      </c>
      <c r="J47" s="14">
        <v>105</v>
      </c>
      <c r="K47" s="14">
        <v>151</v>
      </c>
    </row>
    <row r="48" spans="1:11" ht="15" customHeight="1">
      <c r="A48" s="17" t="s">
        <v>93</v>
      </c>
      <c r="B48" s="17"/>
      <c r="C48" s="13">
        <v>78</v>
      </c>
      <c r="D48" s="19">
        <v>45</v>
      </c>
      <c r="E48" s="19">
        <v>33</v>
      </c>
      <c r="F48" s="19"/>
      <c r="G48" s="18" t="s">
        <v>94</v>
      </c>
      <c r="H48" s="17"/>
      <c r="I48" s="13">
        <v>68</v>
      </c>
      <c r="J48" s="19">
        <v>23</v>
      </c>
      <c r="K48" s="19">
        <v>45</v>
      </c>
    </row>
    <row r="49" spans="1:11" ht="15" customHeight="1">
      <c r="A49" s="17" t="s">
        <v>95</v>
      </c>
      <c r="B49" s="17"/>
      <c r="C49" s="13">
        <v>67</v>
      </c>
      <c r="D49" s="19">
        <v>37</v>
      </c>
      <c r="E49" s="19">
        <v>30</v>
      </c>
      <c r="F49" s="19"/>
      <c r="G49" s="18" t="s">
        <v>96</v>
      </c>
      <c r="H49" s="17"/>
      <c r="I49" s="13">
        <v>43</v>
      </c>
      <c r="J49" s="19">
        <v>20</v>
      </c>
      <c r="K49" s="19">
        <v>23</v>
      </c>
    </row>
    <row r="50" spans="1:11" ht="15" customHeight="1">
      <c r="A50" s="17" t="s">
        <v>97</v>
      </c>
      <c r="B50" s="17"/>
      <c r="C50" s="13">
        <v>96</v>
      </c>
      <c r="D50" s="19">
        <v>50</v>
      </c>
      <c r="E50" s="19">
        <v>46</v>
      </c>
      <c r="F50" s="19"/>
      <c r="G50" s="18" t="s">
        <v>98</v>
      </c>
      <c r="H50" s="17"/>
      <c r="I50" s="13">
        <v>54</v>
      </c>
      <c r="J50" s="19">
        <v>26</v>
      </c>
      <c r="K50" s="19">
        <v>28</v>
      </c>
    </row>
    <row r="51" spans="1:11" ht="15" customHeight="1">
      <c r="A51" s="17" t="s">
        <v>99</v>
      </c>
      <c r="B51" s="17"/>
      <c r="C51" s="13">
        <v>89</v>
      </c>
      <c r="D51" s="19">
        <v>48</v>
      </c>
      <c r="E51" s="19">
        <v>41</v>
      </c>
      <c r="F51" s="19"/>
      <c r="G51" s="18" t="s">
        <v>100</v>
      </c>
      <c r="H51" s="17"/>
      <c r="I51" s="13">
        <v>56</v>
      </c>
      <c r="J51" s="19">
        <v>24</v>
      </c>
      <c r="K51" s="19">
        <v>32</v>
      </c>
    </row>
    <row r="52" spans="1:11" ht="15" customHeight="1">
      <c r="A52" s="17" t="s">
        <v>101</v>
      </c>
      <c r="B52" s="17"/>
      <c r="C52" s="13">
        <v>98</v>
      </c>
      <c r="D52" s="19">
        <v>56</v>
      </c>
      <c r="E52" s="19">
        <v>42</v>
      </c>
      <c r="F52" s="19"/>
      <c r="G52" s="18" t="s">
        <v>102</v>
      </c>
      <c r="H52" s="17"/>
      <c r="I52" s="13">
        <v>35</v>
      </c>
      <c r="J52" s="19">
        <v>12</v>
      </c>
      <c r="K52" s="19">
        <v>23</v>
      </c>
    </row>
    <row r="53" spans="1:11" ht="20.100000000000001" customHeight="1">
      <c r="A53" s="17" t="s">
        <v>103</v>
      </c>
      <c r="B53" s="17"/>
      <c r="C53" s="13">
        <v>595</v>
      </c>
      <c r="D53" s="14">
        <v>323</v>
      </c>
      <c r="E53" s="14">
        <v>272</v>
      </c>
      <c r="F53" s="14"/>
      <c r="G53" s="18" t="s">
        <v>104</v>
      </c>
      <c r="H53" s="17"/>
      <c r="I53" s="13">
        <v>167</v>
      </c>
      <c r="J53" s="14">
        <v>50</v>
      </c>
      <c r="K53" s="14">
        <v>117</v>
      </c>
    </row>
    <row r="54" spans="1:11" ht="15" customHeight="1">
      <c r="A54" s="17" t="s">
        <v>105</v>
      </c>
      <c r="B54" s="17"/>
      <c r="C54" s="13">
        <v>104</v>
      </c>
      <c r="D54" s="19">
        <v>59</v>
      </c>
      <c r="E54" s="19">
        <v>45</v>
      </c>
      <c r="F54" s="19"/>
      <c r="G54" s="18" t="s">
        <v>106</v>
      </c>
      <c r="H54" s="17"/>
      <c r="I54" s="13">
        <v>42</v>
      </c>
      <c r="J54" s="19">
        <v>13</v>
      </c>
      <c r="K54" s="19">
        <v>29</v>
      </c>
    </row>
    <row r="55" spans="1:11" ht="15" customHeight="1">
      <c r="A55" s="17" t="s">
        <v>107</v>
      </c>
      <c r="B55" s="17"/>
      <c r="C55" s="13">
        <v>96</v>
      </c>
      <c r="D55" s="19">
        <v>56</v>
      </c>
      <c r="E55" s="19">
        <v>40</v>
      </c>
      <c r="F55" s="19"/>
      <c r="G55" s="18" t="s">
        <v>108</v>
      </c>
      <c r="H55" s="17"/>
      <c r="I55" s="13">
        <v>38</v>
      </c>
      <c r="J55" s="19">
        <v>12</v>
      </c>
      <c r="K55" s="19">
        <v>26</v>
      </c>
    </row>
    <row r="56" spans="1:11" ht="15" customHeight="1">
      <c r="A56" s="17" t="s">
        <v>109</v>
      </c>
      <c r="B56" s="17"/>
      <c r="C56" s="13">
        <v>121</v>
      </c>
      <c r="D56" s="19">
        <v>64</v>
      </c>
      <c r="E56" s="19">
        <v>57</v>
      </c>
      <c r="F56" s="19"/>
      <c r="G56" s="18" t="s">
        <v>110</v>
      </c>
      <c r="H56" s="17"/>
      <c r="I56" s="13">
        <v>37</v>
      </c>
      <c r="J56" s="19">
        <v>13</v>
      </c>
      <c r="K56" s="19">
        <v>24</v>
      </c>
    </row>
    <row r="57" spans="1:11" ht="15" customHeight="1">
      <c r="A57" s="17" t="s">
        <v>111</v>
      </c>
      <c r="B57" s="17"/>
      <c r="C57" s="13">
        <v>134</v>
      </c>
      <c r="D57" s="19">
        <v>78</v>
      </c>
      <c r="E57" s="19">
        <v>56</v>
      </c>
      <c r="F57" s="19"/>
      <c r="G57" s="18" t="s">
        <v>112</v>
      </c>
      <c r="H57" s="17"/>
      <c r="I57" s="13">
        <v>30</v>
      </c>
      <c r="J57" s="19">
        <v>8</v>
      </c>
      <c r="K57" s="19">
        <v>22</v>
      </c>
    </row>
    <row r="58" spans="1:11" ht="15" customHeight="1">
      <c r="A58" s="17" t="s">
        <v>113</v>
      </c>
      <c r="B58" s="17"/>
      <c r="C58" s="13">
        <v>140</v>
      </c>
      <c r="D58" s="19">
        <v>66</v>
      </c>
      <c r="E58" s="19">
        <v>74</v>
      </c>
      <c r="F58" s="19"/>
      <c r="G58" s="18" t="s">
        <v>114</v>
      </c>
      <c r="H58" s="17"/>
      <c r="I58" s="13">
        <v>20</v>
      </c>
      <c r="J58" s="19">
        <v>4</v>
      </c>
      <c r="K58" s="19">
        <v>16</v>
      </c>
    </row>
    <row r="59" spans="1:11" ht="20.100000000000001" customHeight="1">
      <c r="A59" s="17" t="s">
        <v>115</v>
      </c>
      <c r="B59" s="17"/>
      <c r="C59" s="13">
        <v>723</v>
      </c>
      <c r="D59" s="14">
        <v>370</v>
      </c>
      <c r="E59" s="14">
        <v>353</v>
      </c>
      <c r="F59" s="14"/>
      <c r="G59" s="18" t="s">
        <v>116</v>
      </c>
      <c r="H59" s="17"/>
      <c r="I59" s="13">
        <v>48</v>
      </c>
      <c r="J59" s="14">
        <v>7</v>
      </c>
      <c r="K59" s="14">
        <v>41</v>
      </c>
    </row>
    <row r="60" spans="1:11" ht="15" customHeight="1">
      <c r="A60" s="17" t="s">
        <v>117</v>
      </c>
      <c r="B60" s="17"/>
      <c r="C60" s="13">
        <v>127</v>
      </c>
      <c r="D60" s="19">
        <v>60</v>
      </c>
      <c r="E60" s="19">
        <v>67</v>
      </c>
      <c r="F60" s="19"/>
      <c r="G60" s="18" t="s">
        <v>118</v>
      </c>
      <c r="H60" s="17"/>
      <c r="I60" s="13">
        <v>10</v>
      </c>
      <c r="J60" s="19">
        <v>1</v>
      </c>
      <c r="K60" s="19">
        <v>9</v>
      </c>
    </row>
    <row r="61" spans="1:11" ht="15" customHeight="1">
      <c r="A61" s="17" t="s">
        <v>119</v>
      </c>
      <c r="B61" s="17"/>
      <c r="C61" s="13">
        <v>152</v>
      </c>
      <c r="D61" s="19">
        <v>75</v>
      </c>
      <c r="E61" s="19">
        <v>77</v>
      </c>
      <c r="F61" s="19"/>
      <c r="G61" s="18" t="s">
        <v>120</v>
      </c>
      <c r="H61" s="17"/>
      <c r="I61" s="13">
        <v>18</v>
      </c>
      <c r="J61" s="19">
        <v>2</v>
      </c>
      <c r="K61" s="19">
        <v>16</v>
      </c>
    </row>
    <row r="62" spans="1:11" ht="15" customHeight="1">
      <c r="A62" s="17" t="s">
        <v>121</v>
      </c>
      <c r="B62" s="17"/>
      <c r="C62" s="13">
        <v>144</v>
      </c>
      <c r="D62" s="19">
        <v>75</v>
      </c>
      <c r="E62" s="19">
        <v>69</v>
      </c>
      <c r="F62" s="19"/>
      <c r="G62" s="18" t="s">
        <v>122</v>
      </c>
      <c r="H62" s="17"/>
      <c r="I62" s="13">
        <v>9</v>
      </c>
      <c r="J62" s="19">
        <v>1</v>
      </c>
      <c r="K62" s="19">
        <v>8</v>
      </c>
    </row>
    <row r="63" spans="1:11" ht="15" customHeight="1">
      <c r="A63" s="17" t="s">
        <v>123</v>
      </c>
      <c r="B63" s="17"/>
      <c r="C63" s="13">
        <v>160</v>
      </c>
      <c r="D63" s="19">
        <v>88</v>
      </c>
      <c r="E63" s="19">
        <v>72</v>
      </c>
      <c r="F63" s="19"/>
      <c r="G63" s="18" t="s">
        <v>124</v>
      </c>
      <c r="H63" s="17"/>
      <c r="I63" s="13">
        <v>7</v>
      </c>
      <c r="J63" s="19">
        <v>2</v>
      </c>
      <c r="K63" s="19">
        <v>5</v>
      </c>
    </row>
    <row r="64" spans="1:11" ht="15" customHeight="1">
      <c r="A64" s="17" t="s">
        <v>125</v>
      </c>
      <c r="B64" s="17"/>
      <c r="C64" s="13">
        <v>140</v>
      </c>
      <c r="D64" s="19">
        <v>72</v>
      </c>
      <c r="E64" s="19">
        <v>68</v>
      </c>
      <c r="F64" s="19"/>
      <c r="G64" s="18" t="s">
        <v>126</v>
      </c>
      <c r="H64" s="17"/>
      <c r="I64" s="13">
        <v>4</v>
      </c>
      <c r="J64" s="19">
        <v>1</v>
      </c>
      <c r="K64" s="19">
        <v>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</v>
      </c>
      <c r="J65" s="19">
        <v>0</v>
      </c>
      <c r="K65" s="19">
        <v>1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22</v>
      </c>
      <c r="J66" s="29">
        <v>203</v>
      </c>
      <c r="K66" s="29">
        <v>11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1389</v>
      </c>
      <c r="D4" s="14">
        <v>77112</v>
      </c>
      <c r="E4" s="14">
        <v>7427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332</v>
      </c>
      <c r="D5" s="14">
        <v>2259</v>
      </c>
      <c r="E5" s="14">
        <v>2073</v>
      </c>
      <c r="F5" s="14"/>
      <c r="G5" s="18" t="s">
        <v>8</v>
      </c>
      <c r="H5" s="17"/>
      <c r="I5" s="13">
        <v>13239</v>
      </c>
      <c r="J5" s="14">
        <v>6979</v>
      </c>
      <c r="K5" s="14">
        <v>6260</v>
      </c>
    </row>
    <row r="6" spans="1:11" ht="15" customHeight="1">
      <c r="A6" s="17" t="s">
        <v>9</v>
      </c>
      <c r="B6" s="17"/>
      <c r="C6" s="13">
        <v>742</v>
      </c>
      <c r="D6" s="19">
        <v>379</v>
      </c>
      <c r="E6" s="19">
        <v>363</v>
      </c>
      <c r="F6" s="19"/>
      <c r="G6" s="18" t="s">
        <v>10</v>
      </c>
      <c r="H6" s="17"/>
      <c r="I6" s="13">
        <v>2761</v>
      </c>
      <c r="J6" s="19">
        <v>1400</v>
      </c>
      <c r="K6" s="19">
        <v>1361</v>
      </c>
    </row>
    <row r="7" spans="1:11" ht="15" customHeight="1">
      <c r="A7" s="17" t="s">
        <v>11</v>
      </c>
      <c r="B7" s="17"/>
      <c r="C7" s="13">
        <v>830</v>
      </c>
      <c r="D7" s="19">
        <v>416</v>
      </c>
      <c r="E7" s="19">
        <v>414</v>
      </c>
      <c r="F7" s="19"/>
      <c r="G7" s="18" t="s">
        <v>12</v>
      </c>
      <c r="H7" s="17"/>
      <c r="I7" s="13">
        <v>2799</v>
      </c>
      <c r="J7" s="19">
        <v>1483</v>
      </c>
      <c r="K7" s="19">
        <v>1316</v>
      </c>
    </row>
    <row r="8" spans="1:11" ht="15" customHeight="1">
      <c r="A8" s="17" t="s">
        <v>13</v>
      </c>
      <c r="B8" s="17"/>
      <c r="C8" s="13">
        <v>903</v>
      </c>
      <c r="D8" s="19">
        <v>483</v>
      </c>
      <c r="E8" s="19">
        <v>420</v>
      </c>
      <c r="F8" s="19"/>
      <c r="G8" s="18" t="s">
        <v>14</v>
      </c>
      <c r="H8" s="17"/>
      <c r="I8" s="13">
        <v>2737</v>
      </c>
      <c r="J8" s="19">
        <v>1417</v>
      </c>
      <c r="K8" s="19">
        <v>1320</v>
      </c>
    </row>
    <row r="9" spans="1:11" ht="15" customHeight="1">
      <c r="A9" s="17" t="s">
        <v>15</v>
      </c>
      <c r="B9" s="17"/>
      <c r="C9" s="13">
        <v>880</v>
      </c>
      <c r="D9" s="19">
        <v>458</v>
      </c>
      <c r="E9" s="19">
        <v>422</v>
      </c>
      <c r="F9" s="19"/>
      <c r="G9" s="18" t="s">
        <v>16</v>
      </c>
      <c r="H9" s="17"/>
      <c r="I9" s="13">
        <v>2867</v>
      </c>
      <c r="J9" s="19">
        <v>1566</v>
      </c>
      <c r="K9" s="19">
        <v>1301</v>
      </c>
    </row>
    <row r="10" spans="1:11" ht="15" customHeight="1">
      <c r="A10" s="17" t="s">
        <v>17</v>
      </c>
      <c r="B10" s="17"/>
      <c r="C10" s="13">
        <v>977</v>
      </c>
      <c r="D10" s="19">
        <v>523</v>
      </c>
      <c r="E10" s="19">
        <v>454</v>
      </c>
      <c r="F10" s="19"/>
      <c r="G10" s="18" t="s">
        <v>18</v>
      </c>
      <c r="H10" s="17"/>
      <c r="I10" s="13">
        <v>2075</v>
      </c>
      <c r="J10" s="19">
        <v>1113</v>
      </c>
      <c r="K10" s="19">
        <v>962</v>
      </c>
    </row>
    <row r="11" spans="1:11" ht="20.100000000000001" customHeight="1">
      <c r="A11" s="17" t="s">
        <v>19</v>
      </c>
      <c r="B11" s="17"/>
      <c r="C11" s="13">
        <v>4974</v>
      </c>
      <c r="D11" s="14">
        <v>2561</v>
      </c>
      <c r="E11" s="14">
        <v>2413</v>
      </c>
      <c r="F11" s="14"/>
      <c r="G11" s="18" t="s">
        <v>20</v>
      </c>
      <c r="H11" s="17"/>
      <c r="I11" s="13">
        <v>11378</v>
      </c>
      <c r="J11" s="14">
        <v>6225</v>
      </c>
      <c r="K11" s="14">
        <v>5153</v>
      </c>
    </row>
    <row r="12" spans="1:11" ht="15" customHeight="1">
      <c r="A12" s="17" t="s">
        <v>21</v>
      </c>
      <c r="B12" s="17"/>
      <c r="C12" s="13">
        <v>1028</v>
      </c>
      <c r="D12" s="19">
        <v>524</v>
      </c>
      <c r="E12" s="19">
        <v>504</v>
      </c>
      <c r="F12" s="19"/>
      <c r="G12" s="18" t="s">
        <v>22</v>
      </c>
      <c r="H12" s="17"/>
      <c r="I12" s="13">
        <v>2628</v>
      </c>
      <c r="J12" s="19">
        <v>1398</v>
      </c>
      <c r="K12" s="19">
        <v>1230</v>
      </c>
    </row>
    <row r="13" spans="1:11" ht="15" customHeight="1">
      <c r="A13" s="17" t="s">
        <v>23</v>
      </c>
      <c r="B13" s="17"/>
      <c r="C13" s="13">
        <v>973</v>
      </c>
      <c r="D13" s="19">
        <v>495</v>
      </c>
      <c r="E13" s="19">
        <v>478</v>
      </c>
      <c r="F13" s="19"/>
      <c r="G13" s="18" t="s">
        <v>24</v>
      </c>
      <c r="H13" s="17"/>
      <c r="I13" s="13">
        <v>2451</v>
      </c>
      <c r="J13" s="19">
        <v>1388</v>
      </c>
      <c r="K13" s="19">
        <v>1063</v>
      </c>
    </row>
    <row r="14" spans="1:11" ht="15" customHeight="1">
      <c r="A14" s="17" t="s">
        <v>25</v>
      </c>
      <c r="B14" s="17"/>
      <c r="C14" s="13">
        <v>982</v>
      </c>
      <c r="D14" s="19">
        <v>514</v>
      </c>
      <c r="E14" s="19">
        <v>468</v>
      </c>
      <c r="F14" s="19"/>
      <c r="G14" s="18" t="s">
        <v>26</v>
      </c>
      <c r="H14" s="17"/>
      <c r="I14" s="13">
        <v>2274</v>
      </c>
      <c r="J14" s="19">
        <v>1243</v>
      </c>
      <c r="K14" s="19">
        <v>1031</v>
      </c>
    </row>
    <row r="15" spans="1:11" ht="15" customHeight="1">
      <c r="A15" s="17" t="s">
        <v>27</v>
      </c>
      <c r="B15" s="17"/>
      <c r="C15" s="13">
        <v>1032</v>
      </c>
      <c r="D15" s="19">
        <v>538</v>
      </c>
      <c r="E15" s="19">
        <v>494</v>
      </c>
      <c r="F15" s="19"/>
      <c r="G15" s="18" t="s">
        <v>28</v>
      </c>
      <c r="H15" s="17"/>
      <c r="I15" s="13">
        <v>2061</v>
      </c>
      <c r="J15" s="19">
        <v>1120</v>
      </c>
      <c r="K15" s="19">
        <v>941</v>
      </c>
    </row>
    <row r="16" spans="1:11" ht="15" customHeight="1">
      <c r="A16" s="17" t="s">
        <v>29</v>
      </c>
      <c r="B16" s="17"/>
      <c r="C16" s="13">
        <v>959</v>
      </c>
      <c r="D16" s="19">
        <v>490</v>
      </c>
      <c r="E16" s="19">
        <v>469</v>
      </c>
      <c r="F16" s="19"/>
      <c r="G16" s="18" t="s">
        <v>30</v>
      </c>
      <c r="H16" s="17"/>
      <c r="I16" s="13">
        <v>1964</v>
      </c>
      <c r="J16" s="19">
        <v>1076</v>
      </c>
      <c r="K16" s="19">
        <v>888</v>
      </c>
    </row>
    <row r="17" spans="1:11" ht="20.100000000000001" customHeight="1">
      <c r="A17" s="20" t="s">
        <v>31</v>
      </c>
      <c r="B17" s="20"/>
      <c r="C17" s="13">
        <v>5340</v>
      </c>
      <c r="D17" s="14">
        <v>2739</v>
      </c>
      <c r="E17" s="14">
        <v>2601</v>
      </c>
      <c r="F17" s="14"/>
      <c r="G17" s="18" t="s">
        <v>32</v>
      </c>
      <c r="H17" s="17"/>
      <c r="I17" s="13">
        <v>8730</v>
      </c>
      <c r="J17" s="14">
        <v>4830</v>
      </c>
      <c r="K17" s="14">
        <v>3900</v>
      </c>
    </row>
    <row r="18" spans="1:11" ht="15" customHeight="1">
      <c r="A18" s="17" t="s">
        <v>33</v>
      </c>
      <c r="B18" s="17"/>
      <c r="C18" s="13">
        <v>1127</v>
      </c>
      <c r="D18" s="19">
        <v>582</v>
      </c>
      <c r="E18" s="19">
        <v>545</v>
      </c>
      <c r="F18" s="19"/>
      <c r="G18" s="18" t="s">
        <v>34</v>
      </c>
      <c r="H18" s="17"/>
      <c r="I18" s="13">
        <v>1887</v>
      </c>
      <c r="J18" s="19">
        <v>1015</v>
      </c>
      <c r="K18" s="19">
        <v>872</v>
      </c>
    </row>
    <row r="19" spans="1:11" ht="15" customHeight="1">
      <c r="A19" s="17" t="s">
        <v>35</v>
      </c>
      <c r="B19" s="17"/>
      <c r="C19" s="13">
        <v>1026</v>
      </c>
      <c r="D19" s="19">
        <v>527</v>
      </c>
      <c r="E19" s="19">
        <v>499</v>
      </c>
      <c r="F19" s="19"/>
      <c r="G19" s="18" t="s">
        <v>36</v>
      </c>
      <c r="H19" s="17"/>
      <c r="I19" s="13">
        <v>1897</v>
      </c>
      <c r="J19" s="19">
        <v>1083</v>
      </c>
      <c r="K19" s="19">
        <v>814</v>
      </c>
    </row>
    <row r="20" spans="1:11" ht="15" customHeight="1">
      <c r="A20" s="17" t="s">
        <v>37</v>
      </c>
      <c r="B20" s="17"/>
      <c r="C20" s="13">
        <v>1051</v>
      </c>
      <c r="D20" s="19">
        <v>546</v>
      </c>
      <c r="E20" s="19">
        <v>505</v>
      </c>
      <c r="F20" s="19"/>
      <c r="G20" s="18" t="s">
        <v>38</v>
      </c>
      <c r="H20" s="17"/>
      <c r="I20" s="13">
        <v>1776</v>
      </c>
      <c r="J20" s="19">
        <v>969</v>
      </c>
      <c r="K20" s="19">
        <v>807</v>
      </c>
    </row>
    <row r="21" spans="1:11" ht="15" customHeight="1">
      <c r="A21" s="17" t="s">
        <v>39</v>
      </c>
      <c r="B21" s="17"/>
      <c r="C21" s="13">
        <v>1084</v>
      </c>
      <c r="D21" s="19">
        <v>526</v>
      </c>
      <c r="E21" s="19">
        <v>558</v>
      </c>
      <c r="F21" s="19"/>
      <c r="G21" s="18" t="s">
        <v>40</v>
      </c>
      <c r="H21" s="17"/>
      <c r="I21" s="13">
        <v>1620</v>
      </c>
      <c r="J21" s="19">
        <v>903</v>
      </c>
      <c r="K21" s="19">
        <v>717</v>
      </c>
    </row>
    <row r="22" spans="1:11" ht="15" customHeight="1">
      <c r="A22" s="17" t="s">
        <v>41</v>
      </c>
      <c r="B22" s="17"/>
      <c r="C22" s="13">
        <v>1052</v>
      </c>
      <c r="D22" s="19">
        <v>558</v>
      </c>
      <c r="E22" s="19">
        <v>494</v>
      </c>
      <c r="F22" s="19"/>
      <c r="G22" s="18" t="s">
        <v>42</v>
      </c>
      <c r="H22" s="17"/>
      <c r="I22" s="13">
        <v>1550</v>
      </c>
      <c r="J22" s="19">
        <v>860</v>
      </c>
      <c r="K22" s="19">
        <v>690</v>
      </c>
    </row>
    <row r="23" spans="1:11" ht="20.100000000000001" customHeight="1">
      <c r="A23" s="17" t="s">
        <v>43</v>
      </c>
      <c r="B23" s="17"/>
      <c r="C23" s="13">
        <v>5119</v>
      </c>
      <c r="D23" s="14">
        <v>2570</v>
      </c>
      <c r="E23" s="14">
        <v>2549</v>
      </c>
      <c r="F23" s="14"/>
      <c r="G23" s="18" t="s">
        <v>44</v>
      </c>
      <c r="H23" s="17"/>
      <c r="I23" s="13">
        <v>8187</v>
      </c>
      <c r="J23" s="14">
        <v>4628</v>
      </c>
      <c r="K23" s="14">
        <v>3559</v>
      </c>
    </row>
    <row r="24" spans="1:11" ht="15" customHeight="1">
      <c r="A24" s="17" t="s">
        <v>45</v>
      </c>
      <c r="B24" s="17"/>
      <c r="C24" s="13">
        <v>1001</v>
      </c>
      <c r="D24" s="19">
        <v>522</v>
      </c>
      <c r="E24" s="19">
        <v>479</v>
      </c>
      <c r="F24" s="19"/>
      <c r="G24" s="18" t="s">
        <v>46</v>
      </c>
      <c r="H24" s="17"/>
      <c r="I24" s="13">
        <v>1639</v>
      </c>
      <c r="J24" s="19">
        <v>914</v>
      </c>
      <c r="K24" s="19">
        <v>725</v>
      </c>
    </row>
    <row r="25" spans="1:11" ht="15" customHeight="1">
      <c r="A25" s="17" t="s">
        <v>47</v>
      </c>
      <c r="B25" s="17"/>
      <c r="C25" s="13">
        <v>985</v>
      </c>
      <c r="D25" s="19">
        <v>493</v>
      </c>
      <c r="E25" s="19">
        <v>492</v>
      </c>
      <c r="F25" s="19"/>
      <c r="G25" s="18" t="s">
        <v>48</v>
      </c>
      <c r="H25" s="17"/>
      <c r="I25" s="13">
        <v>1529</v>
      </c>
      <c r="J25" s="19">
        <v>871</v>
      </c>
      <c r="K25" s="19">
        <v>658</v>
      </c>
    </row>
    <row r="26" spans="1:11" ht="15" customHeight="1">
      <c r="A26" s="17" t="s">
        <v>49</v>
      </c>
      <c r="B26" s="17"/>
      <c r="C26" s="13">
        <v>1004</v>
      </c>
      <c r="D26" s="19">
        <v>502</v>
      </c>
      <c r="E26" s="19">
        <v>502</v>
      </c>
      <c r="F26" s="19"/>
      <c r="G26" s="18" t="s">
        <v>50</v>
      </c>
      <c r="H26" s="17"/>
      <c r="I26" s="13">
        <v>1646</v>
      </c>
      <c r="J26" s="19">
        <v>924</v>
      </c>
      <c r="K26" s="19">
        <v>722</v>
      </c>
    </row>
    <row r="27" spans="1:11" ht="15" customHeight="1">
      <c r="A27" s="17" t="s">
        <v>51</v>
      </c>
      <c r="B27" s="17"/>
      <c r="C27" s="13">
        <v>1048</v>
      </c>
      <c r="D27" s="19">
        <v>499</v>
      </c>
      <c r="E27" s="19">
        <v>549</v>
      </c>
      <c r="F27" s="19"/>
      <c r="G27" s="18" t="s">
        <v>52</v>
      </c>
      <c r="H27" s="17"/>
      <c r="I27" s="13">
        <v>1711</v>
      </c>
      <c r="J27" s="19">
        <v>996</v>
      </c>
      <c r="K27" s="19">
        <v>715</v>
      </c>
    </row>
    <row r="28" spans="1:11" ht="15" customHeight="1">
      <c r="A28" s="17" t="s">
        <v>53</v>
      </c>
      <c r="B28" s="17"/>
      <c r="C28" s="13">
        <v>1081</v>
      </c>
      <c r="D28" s="19">
        <v>554</v>
      </c>
      <c r="E28" s="19">
        <v>527</v>
      </c>
      <c r="F28" s="19"/>
      <c r="G28" s="18" t="s">
        <v>54</v>
      </c>
      <c r="H28" s="17"/>
      <c r="I28" s="13">
        <v>1662</v>
      </c>
      <c r="J28" s="19">
        <v>923</v>
      </c>
      <c r="K28" s="19">
        <v>739</v>
      </c>
    </row>
    <row r="29" spans="1:11" ht="20.100000000000001" customHeight="1">
      <c r="A29" s="17" t="s">
        <v>55</v>
      </c>
      <c r="B29" s="17"/>
      <c r="C29" s="13">
        <v>6454</v>
      </c>
      <c r="D29" s="14">
        <v>3213</v>
      </c>
      <c r="E29" s="14">
        <v>3241</v>
      </c>
      <c r="F29" s="14"/>
      <c r="G29" s="18" t="s">
        <v>56</v>
      </c>
      <c r="H29" s="17"/>
      <c r="I29" s="13">
        <v>9373</v>
      </c>
      <c r="J29" s="14">
        <v>5162</v>
      </c>
      <c r="K29" s="14">
        <v>4211</v>
      </c>
    </row>
    <row r="30" spans="1:11" ht="15" customHeight="1">
      <c r="A30" s="17" t="s">
        <v>57</v>
      </c>
      <c r="B30" s="17"/>
      <c r="C30" s="13">
        <v>1126</v>
      </c>
      <c r="D30" s="19">
        <v>557</v>
      </c>
      <c r="E30" s="19">
        <v>569</v>
      </c>
      <c r="F30" s="19"/>
      <c r="G30" s="18" t="s">
        <v>58</v>
      </c>
      <c r="H30" s="17"/>
      <c r="I30" s="13">
        <v>1843</v>
      </c>
      <c r="J30" s="19">
        <v>1069</v>
      </c>
      <c r="K30" s="19">
        <v>774</v>
      </c>
    </row>
    <row r="31" spans="1:11" ht="15" customHeight="1">
      <c r="A31" s="17" t="s">
        <v>59</v>
      </c>
      <c r="B31" s="17"/>
      <c r="C31" s="13">
        <v>1166</v>
      </c>
      <c r="D31" s="19">
        <v>564</v>
      </c>
      <c r="E31" s="19">
        <v>602</v>
      </c>
      <c r="F31" s="19"/>
      <c r="G31" s="18" t="s">
        <v>60</v>
      </c>
      <c r="H31" s="17"/>
      <c r="I31" s="13">
        <v>2077</v>
      </c>
      <c r="J31" s="19">
        <v>1119</v>
      </c>
      <c r="K31" s="19">
        <v>958</v>
      </c>
    </row>
    <row r="32" spans="1:11" ht="15" customHeight="1">
      <c r="A32" s="17" t="s">
        <v>61</v>
      </c>
      <c r="B32" s="17"/>
      <c r="C32" s="13">
        <v>1266</v>
      </c>
      <c r="D32" s="19">
        <v>620</v>
      </c>
      <c r="E32" s="19">
        <v>646</v>
      </c>
      <c r="F32" s="19"/>
      <c r="G32" s="18" t="s">
        <v>62</v>
      </c>
      <c r="H32" s="17"/>
      <c r="I32" s="13">
        <v>2047</v>
      </c>
      <c r="J32" s="19">
        <v>1113</v>
      </c>
      <c r="K32" s="19">
        <v>934</v>
      </c>
    </row>
    <row r="33" spans="1:11" ht="15" customHeight="1">
      <c r="A33" s="17" t="s">
        <v>63</v>
      </c>
      <c r="B33" s="17"/>
      <c r="C33" s="13">
        <v>1437</v>
      </c>
      <c r="D33" s="19">
        <v>726</v>
      </c>
      <c r="E33" s="19">
        <v>711</v>
      </c>
      <c r="F33" s="19"/>
      <c r="G33" s="18" t="s">
        <v>64</v>
      </c>
      <c r="H33" s="17"/>
      <c r="I33" s="13">
        <v>2101</v>
      </c>
      <c r="J33" s="19">
        <v>1149</v>
      </c>
      <c r="K33" s="19">
        <v>952</v>
      </c>
    </row>
    <row r="34" spans="1:11" ht="15" customHeight="1">
      <c r="A34" s="17" t="s">
        <v>65</v>
      </c>
      <c r="B34" s="17"/>
      <c r="C34" s="13">
        <v>1459</v>
      </c>
      <c r="D34" s="19">
        <v>746</v>
      </c>
      <c r="E34" s="19">
        <v>713</v>
      </c>
      <c r="F34" s="19"/>
      <c r="G34" s="18" t="s">
        <v>66</v>
      </c>
      <c r="H34" s="17"/>
      <c r="I34" s="13">
        <v>1305</v>
      </c>
      <c r="J34" s="19">
        <v>712</v>
      </c>
      <c r="K34" s="19">
        <v>593</v>
      </c>
    </row>
    <row r="35" spans="1:11" ht="20.100000000000001" customHeight="1">
      <c r="A35" s="17" t="s">
        <v>67</v>
      </c>
      <c r="B35" s="17"/>
      <c r="C35" s="13">
        <v>7376</v>
      </c>
      <c r="D35" s="14">
        <v>3780</v>
      </c>
      <c r="E35" s="14">
        <v>3596</v>
      </c>
      <c r="F35" s="14"/>
      <c r="G35" s="18" t="s">
        <v>68</v>
      </c>
      <c r="H35" s="17"/>
      <c r="I35" s="13">
        <v>6506</v>
      </c>
      <c r="J35" s="14">
        <v>3341</v>
      </c>
      <c r="K35" s="14">
        <v>3165</v>
      </c>
    </row>
    <row r="36" spans="1:11" ht="15" customHeight="1">
      <c r="A36" s="17" t="s">
        <v>69</v>
      </c>
      <c r="B36" s="17"/>
      <c r="C36" s="13">
        <v>1567</v>
      </c>
      <c r="D36" s="19">
        <v>844</v>
      </c>
      <c r="E36" s="19">
        <v>723</v>
      </c>
      <c r="F36" s="19"/>
      <c r="G36" s="18" t="s">
        <v>70</v>
      </c>
      <c r="H36" s="17"/>
      <c r="I36" s="13">
        <v>1228</v>
      </c>
      <c r="J36" s="19">
        <v>634</v>
      </c>
      <c r="K36" s="19">
        <v>594</v>
      </c>
    </row>
    <row r="37" spans="1:11" ht="15" customHeight="1">
      <c r="A37" s="17" t="s">
        <v>71</v>
      </c>
      <c r="B37" s="17"/>
      <c r="C37" s="13">
        <v>1469</v>
      </c>
      <c r="D37" s="19">
        <v>731</v>
      </c>
      <c r="E37" s="19">
        <v>738</v>
      </c>
      <c r="F37" s="19"/>
      <c r="G37" s="18" t="s">
        <v>72</v>
      </c>
      <c r="H37" s="17"/>
      <c r="I37" s="13">
        <v>1353</v>
      </c>
      <c r="J37" s="19">
        <v>715</v>
      </c>
      <c r="K37" s="19">
        <v>638</v>
      </c>
    </row>
    <row r="38" spans="1:11" ht="15" customHeight="1">
      <c r="A38" s="17" t="s">
        <v>73</v>
      </c>
      <c r="B38" s="17"/>
      <c r="C38" s="13">
        <v>1461</v>
      </c>
      <c r="D38" s="19">
        <v>733</v>
      </c>
      <c r="E38" s="19">
        <v>728</v>
      </c>
      <c r="F38" s="19"/>
      <c r="G38" s="18" t="s">
        <v>74</v>
      </c>
      <c r="H38" s="17"/>
      <c r="I38" s="13">
        <v>1393</v>
      </c>
      <c r="J38" s="19">
        <v>711</v>
      </c>
      <c r="K38" s="19">
        <v>682</v>
      </c>
    </row>
    <row r="39" spans="1:11" ht="15" customHeight="1">
      <c r="A39" s="17" t="s">
        <v>75</v>
      </c>
      <c r="B39" s="17"/>
      <c r="C39" s="13">
        <v>1412</v>
      </c>
      <c r="D39" s="19">
        <v>729</v>
      </c>
      <c r="E39" s="19">
        <v>683</v>
      </c>
      <c r="F39" s="19"/>
      <c r="G39" s="18" t="s">
        <v>76</v>
      </c>
      <c r="H39" s="17"/>
      <c r="I39" s="13">
        <v>1296</v>
      </c>
      <c r="J39" s="19">
        <v>660</v>
      </c>
      <c r="K39" s="19">
        <v>636</v>
      </c>
    </row>
    <row r="40" spans="1:11" ht="15" customHeight="1">
      <c r="A40" s="17" t="s">
        <v>77</v>
      </c>
      <c r="B40" s="17"/>
      <c r="C40" s="13">
        <v>1467</v>
      </c>
      <c r="D40" s="19">
        <v>743</v>
      </c>
      <c r="E40" s="19">
        <v>724</v>
      </c>
      <c r="F40" s="19"/>
      <c r="G40" s="18" t="s">
        <v>78</v>
      </c>
      <c r="H40" s="17"/>
      <c r="I40" s="13">
        <v>1236</v>
      </c>
      <c r="J40" s="19">
        <v>621</v>
      </c>
      <c r="K40" s="19">
        <v>615</v>
      </c>
    </row>
    <row r="41" spans="1:11" ht="20.100000000000001" customHeight="1">
      <c r="A41" s="17" t="s">
        <v>79</v>
      </c>
      <c r="B41" s="17"/>
      <c r="C41" s="13">
        <v>7915</v>
      </c>
      <c r="D41" s="14">
        <v>3911</v>
      </c>
      <c r="E41" s="14">
        <v>4004</v>
      </c>
      <c r="F41" s="14"/>
      <c r="G41" s="18" t="s">
        <v>80</v>
      </c>
      <c r="H41" s="17"/>
      <c r="I41" s="13">
        <v>4596</v>
      </c>
      <c r="J41" s="14">
        <v>1995</v>
      </c>
      <c r="K41" s="14">
        <v>2601</v>
      </c>
    </row>
    <row r="42" spans="1:11" ht="15" customHeight="1">
      <c r="A42" s="17" t="s">
        <v>81</v>
      </c>
      <c r="B42" s="17"/>
      <c r="C42" s="13">
        <v>1539</v>
      </c>
      <c r="D42" s="19">
        <v>786</v>
      </c>
      <c r="E42" s="19">
        <v>753</v>
      </c>
      <c r="F42" s="19"/>
      <c r="G42" s="18" t="s">
        <v>82</v>
      </c>
      <c r="H42" s="17"/>
      <c r="I42" s="13">
        <v>1112</v>
      </c>
      <c r="J42" s="19">
        <v>519</v>
      </c>
      <c r="K42" s="19">
        <v>593</v>
      </c>
    </row>
    <row r="43" spans="1:11" ht="15" customHeight="1">
      <c r="A43" s="17" t="s">
        <v>83</v>
      </c>
      <c r="B43" s="17"/>
      <c r="C43" s="13">
        <v>1557</v>
      </c>
      <c r="D43" s="19">
        <v>755</v>
      </c>
      <c r="E43" s="19">
        <v>802</v>
      </c>
      <c r="F43" s="19"/>
      <c r="G43" s="18" t="s">
        <v>84</v>
      </c>
      <c r="H43" s="17"/>
      <c r="I43" s="13">
        <v>918</v>
      </c>
      <c r="J43" s="19">
        <v>410</v>
      </c>
      <c r="K43" s="19">
        <v>508</v>
      </c>
    </row>
    <row r="44" spans="1:11" ht="15" customHeight="1">
      <c r="A44" s="17" t="s">
        <v>85</v>
      </c>
      <c r="B44" s="17"/>
      <c r="C44" s="13">
        <v>1652</v>
      </c>
      <c r="D44" s="19">
        <v>824</v>
      </c>
      <c r="E44" s="19">
        <v>828</v>
      </c>
      <c r="F44" s="19"/>
      <c r="G44" s="18" t="s">
        <v>86</v>
      </c>
      <c r="H44" s="17"/>
      <c r="I44" s="13">
        <v>823</v>
      </c>
      <c r="J44" s="19">
        <v>360</v>
      </c>
      <c r="K44" s="19">
        <v>463</v>
      </c>
    </row>
    <row r="45" spans="1:11" ht="15" customHeight="1">
      <c r="A45" s="17" t="s">
        <v>87</v>
      </c>
      <c r="B45" s="17"/>
      <c r="C45" s="13">
        <v>1604</v>
      </c>
      <c r="D45" s="19">
        <v>817</v>
      </c>
      <c r="E45" s="19">
        <v>787</v>
      </c>
      <c r="F45" s="19"/>
      <c r="G45" s="18" t="s">
        <v>88</v>
      </c>
      <c r="H45" s="17"/>
      <c r="I45" s="13">
        <v>922</v>
      </c>
      <c r="J45" s="19">
        <v>386</v>
      </c>
      <c r="K45" s="19">
        <v>536</v>
      </c>
    </row>
    <row r="46" spans="1:11" ht="15" customHeight="1">
      <c r="A46" s="17" t="s">
        <v>89</v>
      </c>
      <c r="B46" s="17"/>
      <c r="C46" s="13">
        <v>1563</v>
      </c>
      <c r="D46" s="19">
        <v>729</v>
      </c>
      <c r="E46" s="19">
        <v>834</v>
      </c>
      <c r="F46" s="19"/>
      <c r="G46" s="18" t="s">
        <v>90</v>
      </c>
      <c r="H46" s="17"/>
      <c r="I46" s="13">
        <v>821</v>
      </c>
      <c r="J46" s="19">
        <v>320</v>
      </c>
      <c r="K46" s="19">
        <v>501</v>
      </c>
    </row>
    <row r="47" spans="1:11" ht="20.100000000000001" customHeight="1">
      <c r="A47" s="17" t="s">
        <v>91</v>
      </c>
      <c r="B47" s="17"/>
      <c r="C47" s="13">
        <v>8838</v>
      </c>
      <c r="D47" s="14">
        <v>4448</v>
      </c>
      <c r="E47" s="14">
        <v>4390</v>
      </c>
      <c r="F47" s="14"/>
      <c r="G47" s="18" t="s">
        <v>92</v>
      </c>
      <c r="H47" s="17"/>
      <c r="I47" s="13">
        <v>3356</v>
      </c>
      <c r="J47" s="14">
        <v>1266</v>
      </c>
      <c r="K47" s="14">
        <v>2090</v>
      </c>
    </row>
    <row r="48" spans="1:11" ht="15" customHeight="1">
      <c r="A48" s="17" t="s">
        <v>93</v>
      </c>
      <c r="B48" s="17"/>
      <c r="C48" s="13">
        <v>1593</v>
      </c>
      <c r="D48" s="19">
        <v>786</v>
      </c>
      <c r="E48" s="19">
        <v>807</v>
      </c>
      <c r="F48" s="19"/>
      <c r="G48" s="18" t="s">
        <v>94</v>
      </c>
      <c r="H48" s="17"/>
      <c r="I48" s="13">
        <v>867</v>
      </c>
      <c r="J48" s="19">
        <v>364</v>
      </c>
      <c r="K48" s="19">
        <v>503</v>
      </c>
    </row>
    <row r="49" spans="1:11" ht="15" customHeight="1">
      <c r="A49" s="17" t="s">
        <v>95</v>
      </c>
      <c r="B49" s="17"/>
      <c r="C49" s="13">
        <v>1745</v>
      </c>
      <c r="D49" s="19">
        <v>930</v>
      </c>
      <c r="E49" s="19">
        <v>815</v>
      </c>
      <c r="F49" s="19"/>
      <c r="G49" s="18" t="s">
        <v>96</v>
      </c>
      <c r="H49" s="17"/>
      <c r="I49" s="13">
        <v>702</v>
      </c>
      <c r="J49" s="19">
        <v>268</v>
      </c>
      <c r="K49" s="19">
        <v>434</v>
      </c>
    </row>
    <row r="50" spans="1:11" ht="15" customHeight="1">
      <c r="A50" s="17" t="s">
        <v>97</v>
      </c>
      <c r="B50" s="17"/>
      <c r="C50" s="13">
        <v>1794</v>
      </c>
      <c r="D50" s="19">
        <v>858</v>
      </c>
      <c r="E50" s="19">
        <v>936</v>
      </c>
      <c r="F50" s="19"/>
      <c r="G50" s="18" t="s">
        <v>98</v>
      </c>
      <c r="H50" s="17"/>
      <c r="I50" s="13">
        <v>657</v>
      </c>
      <c r="J50" s="19">
        <v>240</v>
      </c>
      <c r="K50" s="19">
        <v>417</v>
      </c>
    </row>
    <row r="51" spans="1:11" ht="15" customHeight="1">
      <c r="A51" s="17" t="s">
        <v>99</v>
      </c>
      <c r="B51" s="17"/>
      <c r="C51" s="13">
        <v>1870</v>
      </c>
      <c r="D51" s="19">
        <v>938</v>
      </c>
      <c r="E51" s="19">
        <v>932</v>
      </c>
      <c r="F51" s="19"/>
      <c r="G51" s="18" t="s">
        <v>100</v>
      </c>
      <c r="H51" s="17"/>
      <c r="I51" s="13">
        <v>624</v>
      </c>
      <c r="J51" s="19">
        <v>227</v>
      </c>
      <c r="K51" s="19">
        <v>397</v>
      </c>
    </row>
    <row r="52" spans="1:11" ht="15" customHeight="1">
      <c r="A52" s="17" t="s">
        <v>101</v>
      </c>
      <c r="B52" s="17"/>
      <c r="C52" s="13">
        <v>1836</v>
      </c>
      <c r="D52" s="19">
        <v>936</v>
      </c>
      <c r="E52" s="19">
        <v>900</v>
      </c>
      <c r="F52" s="19"/>
      <c r="G52" s="18" t="s">
        <v>102</v>
      </c>
      <c r="H52" s="17"/>
      <c r="I52" s="13">
        <v>506</v>
      </c>
      <c r="J52" s="19">
        <v>167</v>
      </c>
      <c r="K52" s="19">
        <v>339</v>
      </c>
    </row>
    <row r="53" spans="1:11" ht="20.100000000000001" customHeight="1">
      <c r="A53" s="17" t="s">
        <v>103</v>
      </c>
      <c r="B53" s="17"/>
      <c r="C53" s="13">
        <v>10815</v>
      </c>
      <c r="D53" s="14">
        <v>5479</v>
      </c>
      <c r="E53" s="14">
        <v>5336</v>
      </c>
      <c r="F53" s="14"/>
      <c r="G53" s="18" t="s">
        <v>104</v>
      </c>
      <c r="H53" s="17"/>
      <c r="I53" s="13">
        <v>1498</v>
      </c>
      <c r="J53" s="14">
        <v>437</v>
      </c>
      <c r="K53" s="14">
        <v>1061</v>
      </c>
    </row>
    <row r="54" spans="1:11" ht="15" customHeight="1">
      <c r="A54" s="17" t="s">
        <v>105</v>
      </c>
      <c r="B54" s="17"/>
      <c r="C54" s="13">
        <v>1984</v>
      </c>
      <c r="D54" s="19">
        <v>974</v>
      </c>
      <c r="E54" s="19">
        <v>1010</v>
      </c>
      <c r="F54" s="19"/>
      <c r="G54" s="18" t="s">
        <v>106</v>
      </c>
      <c r="H54" s="17"/>
      <c r="I54" s="13">
        <v>419</v>
      </c>
      <c r="J54" s="19">
        <v>131</v>
      </c>
      <c r="K54" s="19">
        <v>288</v>
      </c>
    </row>
    <row r="55" spans="1:11" ht="15" customHeight="1">
      <c r="A55" s="17" t="s">
        <v>107</v>
      </c>
      <c r="B55" s="17"/>
      <c r="C55" s="13">
        <v>2046</v>
      </c>
      <c r="D55" s="19">
        <v>1058</v>
      </c>
      <c r="E55" s="19">
        <v>988</v>
      </c>
      <c r="F55" s="19"/>
      <c r="G55" s="18" t="s">
        <v>108</v>
      </c>
      <c r="H55" s="17"/>
      <c r="I55" s="13">
        <v>364</v>
      </c>
      <c r="J55" s="19">
        <v>100</v>
      </c>
      <c r="K55" s="19">
        <v>264</v>
      </c>
    </row>
    <row r="56" spans="1:11" ht="15" customHeight="1">
      <c r="A56" s="17" t="s">
        <v>109</v>
      </c>
      <c r="B56" s="17"/>
      <c r="C56" s="13">
        <v>2161</v>
      </c>
      <c r="D56" s="19">
        <v>1071</v>
      </c>
      <c r="E56" s="19">
        <v>1090</v>
      </c>
      <c r="F56" s="19"/>
      <c r="G56" s="18" t="s">
        <v>110</v>
      </c>
      <c r="H56" s="17"/>
      <c r="I56" s="13">
        <v>325</v>
      </c>
      <c r="J56" s="19">
        <v>99</v>
      </c>
      <c r="K56" s="19">
        <v>226</v>
      </c>
    </row>
    <row r="57" spans="1:11" ht="15" customHeight="1">
      <c r="A57" s="17" t="s">
        <v>111</v>
      </c>
      <c r="B57" s="17"/>
      <c r="C57" s="13">
        <v>2271</v>
      </c>
      <c r="D57" s="19">
        <v>1191</v>
      </c>
      <c r="E57" s="19">
        <v>1080</v>
      </c>
      <c r="F57" s="19"/>
      <c r="G57" s="18" t="s">
        <v>112</v>
      </c>
      <c r="H57" s="17"/>
      <c r="I57" s="13">
        <v>217</v>
      </c>
      <c r="J57" s="19">
        <v>62</v>
      </c>
      <c r="K57" s="19">
        <v>155</v>
      </c>
    </row>
    <row r="58" spans="1:11" ht="15" customHeight="1">
      <c r="A58" s="17" t="s">
        <v>113</v>
      </c>
      <c r="B58" s="17"/>
      <c r="C58" s="13">
        <v>2353</v>
      </c>
      <c r="D58" s="19">
        <v>1185</v>
      </c>
      <c r="E58" s="19">
        <v>1168</v>
      </c>
      <c r="F58" s="19"/>
      <c r="G58" s="18" t="s">
        <v>114</v>
      </c>
      <c r="H58" s="17"/>
      <c r="I58" s="13">
        <v>173</v>
      </c>
      <c r="J58" s="19">
        <v>45</v>
      </c>
      <c r="K58" s="19">
        <v>128</v>
      </c>
    </row>
    <row r="59" spans="1:11" ht="20.100000000000001" customHeight="1">
      <c r="A59" s="17" t="s">
        <v>115</v>
      </c>
      <c r="B59" s="17"/>
      <c r="C59" s="13">
        <v>12990</v>
      </c>
      <c r="D59" s="14">
        <v>6592</v>
      </c>
      <c r="E59" s="14">
        <v>6398</v>
      </c>
      <c r="F59" s="14"/>
      <c r="G59" s="18" t="s">
        <v>116</v>
      </c>
      <c r="H59" s="17"/>
      <c r="I59" s="13">
        <v>432</v>
      </c>
      <c r="J59" s="14">
        <v>87</v>
      </c>
      <c r="K59" s="14">
        <v>345</v>
      </c>
    </row>
    <row r="60" spans="1:11" ht="15" customHeight="1">
      <c r="A60" s="17" t="s">
        <v>117</v>
      </c>
      <c r="B60" s="17"/>
      <c r="C60" s="13">
        <v>2352</v>
      </c>
      <c r="D60" s="19">
        <v>1162</v>
      </c>
      <c r="E60" s="19">
        <v>1190</v>
      </c>
      <c r="F60" s="19"/>
      <c r="G60" s="18" t="s">
        <v>118</v>
      </c>
      <c r="H60" s="17"/>
      <c r="I60" s="13">
        <v>163</v>
      </c>
      <c r="J60" s="19">
        <v>38</v>
      </c>
      <c r="K60" s="19">
        <v>125</v>
      </c>
    </row>
    <row r="61" spans="1:11" ht="15" customHeight="1">
      <c r="A61" s="17" t="s">
        <v>119</v>
      </c>
      <c r="B61" s="17"/>
      <c r="C61" s="13">
        <v>2492</v>
      </c>
      <c r="D61" s="19">
        <v>1289</v>
      </c>
      <c r="E61" s="19">
        <v>1203</v>
      </c>
      <c r="F61" s="19"/>
      <c r="G61" s="18" t="s">
        <v>120</v>
      </c>
      <c r="H61" s="17"/>
      <c r="I61" s="13">
        <v>102</v>
      </c>
      <c r="J61" s="19">
        <v>21</v>
      </c>
      <c r="K61" s="19">
        <v>81</v>
      </c>
    </row>
    <row r="62" spans="1:11" ht="15" customHeight="1">
      <c r="A62" s="17" t="s">
        <v>121</v>
      </c>
      <c r="B62" s="17"/>
      <c r="C62" s="13">
        <v>2715</v>
      </c>
      <c r="D62" s="19">
        <v>1398</v>
      </c>
      <c r="E62" s="19">
        <v>1317</v>
      </c>
      <c r="F62" s="19"/>
      <c r="G62" s="18" t="s">
        <v>122</v>
      </c>
      <c r="H62" s="17"/>
      <c r="I62" s="13">
        <v>74</v>
      </c>
      <c r="J62" s="19">
        <v>11</v>
      </c>
      <c r="K62" s="19">
        <v>63</v>
      </c>
    </row>
    <row r="63" spans="1:11" ht="15" customHeight="1">
      <c r="A63" s="17" t="s">
        <v>123</v>
      </c>
      <c r="B63" s="17"/>
      <c r="C63" s="13">
        <v>2757</v>
      </c>
      <c r="D63" s="19">
        <v>1413</v>
      </c>
      <c r="E63" s="19">
        <v>1344</v>
      </c>
      <c r="F63" s="19"/>
      <c r="G63" s="18" t="s">
        <v>124</v>
      </c>
      <c r="H63" s="17"/>
      <c r="I63" s="13">
        <v>52</v>
      </c>
      <c r="J63" s="19">
        <v>10</v>
      </c>
      <c r="K63" s="19">
        <v>42</v>
      </c>
    </row>
    <row r="64" spans="1:11" ht="15" customHeight="1">
      <c r="A64" s="17" t="s">
        <v>125</v>
      </c>
      <c r="B64" s="17"/>
      <c r="C64" s="13">
        <v>2674</v>
      </c>
      <c r="D64" s="19">
        <v>1330</v>
      </c>
      <c r="E64" s="19">
        <v>1344</v>
      </c>
      <c r="F64" s="19"/>
      <c r="G64" s="18" t="s">
        <v>126</v>
      </c>
      <c r="H64" s="17"/>
      <c r="I64" s="13">
        <v>41</v>
      </c>
      <c r="J64" s="19">
        <v>7</v>
      </c>
      <c r="K64" s="19">
        <v>3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3</v>
      </c>
      <c r="J65" s="19">
        <v>10</v>
      </c>
      <c r="K65" s="19">
        <v>4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9888</v>
      </c>
      <c r="J66" s="29">
        <v>4600</v>
      </c>
      <c r="K66" s="29">
        <v>5288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85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161</v>
      </c>
      <c r="D4" s="14">
        <v>8454</v>
      </c>
      <c r="E4" s="14">
        <v>870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54</v>
      </c>
      <c r="D5" s="14">
        <v>295</v>
      </c>
      <c r="E5" s="14">
        <v>259</v>
      </c>
      <c r="F5" s="14"/>
      <c r="G5" s="18" t="s">
        <v>8</v>
      </c>
      <c r="H5" s="17"/>
      <c r="I5" s="13">
        <v>1309</v>
      </c>
      <c r="J5" s="14">
        <v>665</v>
      </c>
      <c r="K5" s="14">
        <v>644</v>
      </c>
    </row>
    <row r="6" spans="1:11" ht="15" customHeight="1">
      <c r="A6" s="17" t="s">
        <v>9</v>
      </c>
      <c r="B6" s="17"/>
      <c r="C6" s="13">
        <v>89</v>
      </c>
      <c r="D6" s="19">
        <v>50</v>
      </c>
      <c r="E6" s="19">
        <v>39</v>
      </c>
      <c r="F6" s="19"/>
      <c r="G6" s="18" t="s">
        <v>10</v>
      </c>
      <c r="H6" s="17"/>
      <c r="I6" s="13">
        <v>302</v>
      </c>
      <c r="J6" s="19">
        <v>167</v>
      </c>
      <c r="K6" s="19">
        <v>135</v>
      </c>
    </row>
    <row r="7" spans="1:11" ht="15" customHeight="1">
      <c r="A7" s="17" t="s">
        <v>11</v>
      </c>
      <c r="B7" s="17"/>
      <c r="C7" s="13">
        <v>109</v>
      </c>
      <c r="D7" s="19">
        <v>55</v>
      </c>
      <c r="E7" s="19">
        <v>54</v>
      </c>
      <c r="F7" s="19"/>
      <c r="G7" s="18" t="s">
        <v>12</v>
      </c>
      <c r="H7" s="17"/>
      <c r="I7" s="13">
        <v>285</v>
      </c>
      <c r="J7" s="19">
        <v>144</v>
      </c>
      <c r="K7" s="19">
        <v>141</v>
      </c>
    </row>
    <row r="8" spans="1:11" ht="15" customHeight="1">
      <c r="A8" s="17" t="s">
        <v>13</v>
      </c>
      <c r="B8" s="17"/>
      <c r="C8" s="13">
        <v>125</v>
      </c>
      <c r="D8" s="19">
        <v>66</v>
      </c>
      <c r="E8" s="19">
        <v>59</v>
      </c>
      <c r="F8" s="19"/>
      <c r="G8" s="18" t="s">
        <v>14</v>
      </c>
      <c r="H8" s="17"/>
      <c r="I8" s="13">
        <v>267</v>
      </c>
      <c r="J8" s="19">
        <v>130</v>
      </c>
      <c r="K8" s="19">
        <v>137</v>
      </c>
    </row>
    <row r="9" spans="1:11" ht="15" customHeight="1">
      <c r="A9" s="17" t="s">
        <v>15</v>
      </c>
      <c r="B9" s="17"/>
      <c r="C9" s="13">
        <v>103</v>
      </c>
      <c r="D9" s="19">
        <v>45</v>
      </c>
      <c r="E9" s="19">
        <v>58</v>
      </c>
      <c r="F9" s="19"/>
      <c r="G9" s="18" t="s">
        <v>16</v>
      </c>
      <c r="H9" s="17"/>
      <c r="I9" s="13">
        <v>267</v>
      </c>
      <c r="J9" s="19">
        <v>138</v>
      </c>
      <c r="K9" s="19">
        <v>129</v>
      </c>
    </row>
    <row r="10" spans="1:11" ht="15" customHeight="1">
      <c r="A10" s="17" t="s">
        <v>17</v>
      </c>
      <c r="B10" s="17"/>
      <c r="C10" s="13">
        <v>128</v>
      </c>
      <c r="D10" s="19">
        <v>79</v>
      </c>
      <c r="E10" s="19">
        <v>49</v>
      </c>
      <c r="F10" s="19"/>
      <c r="G10" s="18" t="s">
        <v>18</v>
      </c>
      <c r="H10" s="17"/>
      <c r="I10" s="13">
        <v>188</v>
      </c>
      <c r="J10" s="19">
        <v>86</v>
      </c>
      <c r="K10" s="19">
        <v>102</v>
      </c>
    </row>
    <row r="11" spans="1:11" ht="20.100000000000001" customHeight="1">
      <c r="A11" s="17" t="s">
        <v>19</v>
      </c>
      <c r="B11" s="17"/>
      <c r="C11" s="13">
        <v>627</v>
      </c>
      <c r="D11" s="14">
        <v>307</v>
      </c>
      <c r="E11" s="14">
        <v>320</v>
      </c>
      <c r="F11" s="14"/>
      <c r="G11" s="18" t="s">
        <v>20</v>
      </c>
      <c r="H11" s="17"/>
      <c r="I11" s="13">
        <v>1076</v>
      </c>
      <c r="J11" s="14">
        <v>558</v>
      </c>
      <c r="K11" s="14">
        <v>518</v>
      </c>
    </row>
    <row r="12" spans="1:11" ht="15" customHeight="1">
      <c r="A12" s="17" t="s">
        <v>21</v>
      </c>
      <c r="B12" s="17"/>
      <c r="C12" s="13">
        <v>107</v>
      </c>
      <c r="D12" s="19">
        <v>58</v>
      </c>
      <c r="E12" s="19">
        <v>49</v>
      </c>
      <c r="F12" s="19"/>
      <c r="G12" s="18" t="s">
        <v>22</v>
      </c>
      <c r="H12" s="17"/>
      <c r="I12" s="13">
        <v>248</v>
      </c>
      <c r="J12" s="19">
        <v>136</v>
      </c>
      <c r="K12" s="19">
        <v>112</v>
      </c>
    </row>
    <row r="13" spans="1:11" ht="15" customHeight="1">
      <c r="A13" s="17" t="s">
        <v>23</v>
      </c>
      <c r="B13" s="17"/>
      <c r="C13" s="13">
        <v>119</v>
      </c>
      <c r="D13" s="19">
        <v>61</v>
      </c>
      <c r="E13" s="19">
        <v>58</v>
      </c>
      <c r="F13" s="19"/>
      <c r="G13" s="18" t="s">
        <v>24</v>
      </c>
      <c r="H13" s="17"/>
      <c r="I13" s="13">
        <v>234</v>
      </c>
      <c r="J13" s="19">
        <v>126</v>
      </c>
      <c r="K13" s="19">
        <v>108</v>
      </c>
    </row>
    <row r="14" spans="1:11" ht="15" customHeight="1">
      <c r="A14" s="17" t="s">
        <v>25</v>
      </c>
      <c r="B14" s="17"/>
      <c r="C14" s="13">
        <v>103</v>
      </c>
      <c r="D14" s="19">
        <v>50</v>
      </c>
      <c r="E14" s="19">
        <v>53</v>
      </c>
      <c r="F14" s="19"/>
      <c r="G14" s="18" t="s">
        <v>26</v>
      </c>
      <c r="H14" s="17"/>
      <c r="I14" s="13">
        <v>214</v>
      </c>
      <c r="J14" s="19">
        <v>107</v>
      </c>
      <c r="K14" s="19">
        <v>107</v>
      </c>
    </row>
    <row r="15" spans="1:11" ht="15" customHeight="1">
      <c r="A15" s="17" t="s">
        <v>27</v>
      </c>
      <c r="B15" s="17"/>
      <c r="C15" s="13">
        <v>130</v>
      </c>
      <c r="D15" s="19">
        <v>58</v>
      </c>
      <c r="E15" s="19">
        <v>72</v>
      </c>
      <c r="F15" s="19"/>
      <c r="G15" s="18" t="s">
        <v>28</v>
      </c>
      <c r="H15" s="17"/>
      <c r="I15" s="13">
        <v>197</v>
      </c>
      <c r="J15" s="19">
        <v>104</v>
      </c>
      <c r="K15" s="19">
        <v>93</v>
      </c>
    </row>
    <row r="16" spans="1:11" ht="15" customHeight="1">
      <c r="A16" s="17" t="s">
        <v>29</v>
      </c>
      <c r="B16" s="17"/>
      <c r="C16" s="13">
        <v>168</v>
      </c>
      <c r="D16" s="19">
        <v>80</v>
      </c>
      <c r="E16" s="19">
        <v>88</v>
      </c>
      <c r="F16" s="19"/>
      <c r="G16" s="18" t="s">
        <v>30</v>
      </c>
      <c r="H16" s="17"/>
      <c r="I16" s="13">
        <v>183</v>
      </c>
      <c r="J16" s="19">
        <v>85</v>
      </c>
      <c r="K16" s="19">
        <v>98</v>
      </c>
    </row>
    <row r="17" spans="1:11" ht="20.100000000000001" customHeight="1">
      <c r="A17" s="20" t="s">
        <v>31</v>
      </c>
      <c r="B17" s="20"/>
      <c r="C17" s="13">
        <v>828</v>
      </c>
      <c r="D17" s="14">
        <v>401</v>
      </c>
      <c r="E17" s="14">
        <v>427</v>
      </c>
      <c r="F17" s="14"/>
      <c r="G17" s="18" t="s">
        <v>32</v>
      </c>
      <c r="H17" s="17"/>
      <c r="I17" s="13">
        <v>895</v>
      </c>
      <c r="J17" s="14">
        <v>469</v>
      </c>
      <c r="K17" s="14">
        <v>426</v>
      </c>
    </row>
    <row r="18" spans="1:11" ht="15" customHeight="1">
      <c r="A18" s="17" t="s">
        <v>33</v>
      </c>
      <c r="B18" s="17"/>
      <c r="C18" s="13">
        <v>150</v>
      </c>
      <c r="D18" s="19">
        <v>72</v>
      </c>
      <c r="E18" s="19">
        <v>78</v>
      </c>
      <c r="F18" s="19"/>
      <c r="G18" s="18" t="s">
        <v>34</v>
      </c>
      <c r="H18" s="17"/>
      <c r="I18" s="13">
        <v>203</v>
      </c>
      <c r="J18" s="19">
        <v>100</v>
      </c>
      <c r="K18" s="19">
        <v>103</v>
      </c>
    </row>
    <row r="19" spans="1:11" ht="15" customHeight="1">
      <c r="A19" s="17" t="s">
        <v>35</v>
      </c>
      <c r="B19" s="17"/>
      <c r="C19" s="13">
        <v>156</v>
      </c>
      <c r="D19" s="19">
        <v>71</v>
      </c>
      <c r="E19" s="19">
        <v>85</v>
      </c>
      <c r="F19" s="19"/>
      <c r="G19" s="18" t="s">
        <v>36</v>
      </c>
      <c r="H19" s="17"/>
      <c r="I19" s="13">
        <v>167</v>
      </c>
      <c r="J19" s="19">
        <v>96</v>
      </c>
      <c r="K19" s="19">
        <v>71</v>
      </c>
    </row>
    <row r="20" spans="1:11" ht="15" customHeight="1">
      <c r="A20" s="17" t="s">
        <v>37</v>
      </c>
      <c r="B20" s="17"/>
      <c r="C20" s="13">
        <v>160</v>
      </c>
      <c r="D20" s="19">
        <v>73</v>
      </c>
      <c r="E20" s="19">
        <v>87</v>
      </c>
      <c r="F20" s="19"/>
      <c r="G20" s="18" t="s">
        <v>38</v>
      </c>
      <c r="H20" s="17"/>
      <c r="I20" s="13">
        <v>175</v>
      </c>
      <c r="J20" s="19">
        <v>98</v>
      </c>
      <c r="K20" s="19">
        <v>77</v>
      </c>
    </row>
    <row r="21" spans="1:11" ht="15" customHeight="1">
      <c r="A21" s="17" t="s">
        <v>39</v>
      </c>
      <c r="B21" s="17"/>
      <c r="C21" s="13">
        <v>164</v>
      </c>
      <c r="D21" s="19">
        <v>85</v>
      </c>
      <c r="E21" s="19">
        <v>79</v>
      </c>
      <c r="F21" s="19"/>
      <c r="G21" s="18" t="s">
        <v>40</v>
      </c>
      <c r="H21" s="17"/>
      <c r="I21" s="13">
        <v>179</v>
      </c>
      <c r="J21" s="19">
        <v>90</v>
      </c>
      <c r="K21" s="19">
        <v>89</v>
      </c>
    </row>
    <row r="22" spans="1:11" ht="15" customHeight="1">
      <c r="A22" s="17" t="s">
        <v>41</v>
      </c>
      <c r="B22" s="17"/>
      <c r="C22" s="13">
        <v>198</v>
      </c>
      <c r="D22" s="19">
        <v>100</v>
      </c>
      <c r="E22" s="19">
        <v>98</v>
      </c>
      <c r="F22" s="19"/>
      <c r="G22" s="18" t="s">
        <v>42</v>
      </c>
      <c r="H22" s="17"/>
      <c r="I22" s="13">
        <v>171</v>
      </c>
      <c r="J22" s="19">
        <v>85</v>
      </c>
      <c r="K22" s="19">
        <v>86</v>
      </c>
    </row>
    <row r="23" spans="1:11" ht="20.100000000000001" customHeight="1">
      <c r="A23" s="17" t="s">
        <v>43</v>
      </c>
      <c r="B23" s="17"/>
      <c r="C23" s="13">
        <v>926</v>
      </c>
      <c r="D23" s="14">
        <v>482</v>
      </c>
      <c r="E23" s="14">
        <v>444</v>
      </c>
      <c r="F23" s="14"/>
      <c r="G23" s="18" t="s">
        <v>44</v>
      </c>
      <c r="H23" s="17"/>
      <c r="I23" s="13">
        <v>1094</v>
      </c>
      <c r="J23" s="14">
        <v>529</v>
      </c>
      <c r="K23" s="14">
        <v>565</v>
      </c>
    </row>
    <row r="24" spans="1:11" ht="15" customHeight="1">
      <c r="A24" s="17" t="s">
        <v>45</v>
      </c>
      <c r="B24" s="17"/>
      <c r="C24" s="13">
        <v>168</v>
      </c>
      <c r="D24" s="19">
        <v>96</v>
      </c>
      <c r="E24" s="19">
        <v>72</v>
      </c>
      <c r="F24" s="19"/>
      <c r="G24" s="18" t="s">
        <v>46</v>
      </c>
      <c r="H24" s="17"/>
      <c r="I24" s="13">
        <v>192</v>
      </c>
      <c r="J24" s="19">
        <v>104</v>
      </c>
      <c r="K24" s="19">
        <v>88</v>
      </c>
    </row>
    <row r="25" spans="1:11" ht="15" customHeight="1">
      <c r="A25" s="17" t="s">
        <v>47</v>
      </c>
      <c r="B25" s="17"/>
      <c r="C25" s="13">
        <v>196</v>
      </c>
      <c r="D25" s="19">
        <v>109</v>
      </c>
      <c r="E25" s="19">
        <v>87</v>
      </c>
      <c r="F25" s="19"/>
      <c r="G25" s="18" t="s">
        <v>48</v>
      </c>
      <c r="H25" s="17"/>
      <c r="I25" s="13">
        <v>224</v>
      </c>
      <c r="J25" s="19">
        <v>100</v>
      </c>
      <c r="K25" s="19">
        <v>124</v>
      </c>
    </row>
    <row r="26" spans="1:11" ht="15" customHeight="1">
      <c r="A26" s="17" t="s">
        <v>49</v>
      </c>
      <c r="B26" s="17"/>
      <c r="C26" s="13">
        <v>188</v>
      </c>
      <c r="D26" s="19">
        <v>92</v>
      </c>
      <c r="E26" s="19">
        <v>96</v>
      </c>
      <c r="F26" s="19"/>
      <c r="G26" s="18" t="s">
        <v>50</v>
      </c>
      <c r="H26" s="17"/>
      <c r="I26" s="13">
        <v>213</v>
      </c>
      <c r="J26" s="19">
        <v>92</v>
      </c>
      <c r="K26" s="19">
        <v>121</v>
      </c>
    </row>
    <row r="27" spans="1:11" ht="15" customHeight="1">
      <c r="A27" s="17" t="s">
        <v>51</v>
      </c>
      <c r="B27" s="17"/>
      <c r="C27" s="13">
        <v>192</v>
      </c>
      <c r="D27" s="19">
        <v>97</v>
      </c>
      <c r="E27" s="19">
        <v>95</v>
      </c>
      <c r="F27" s="19"/>
      <c r="G27" s="18" t="s">
        <v>52</v>
      </c>
      <c r="H27" s="17"/>
      <c r="I27" s="13">
        <v>233</v>
      </c>
      <c r="J27" s="19">
        <v>115</v>
      </c>
      <c r="K27" s="19">
        <v>118</v>
      </c>
    </row>
    <row r="28" spans="1:11" ht="15" customHeight="1">
      <c r="A28" s="17" t="s">
        <v>53</v>
      </c>
      <c r="B28" s="17"/>
      <c r="C28" s="13">
        <v>182</v>
      </c>
      <c r="D28" s="19">
        <v>88</v>
      </c>
      <c r="E28" s="19">
        <v>94</v>
      </c>
      <c r="F28" s="19"/>
      <c r="G28" s="18" t="s">
        <v>54</v>
      </c>
      <c r="H28" s="17"/>
      <c r="I28" s="13">
        <v>232</v>
      </c>
      <c r="J28" s="19">
        <v>118</v>
      </c>
      <c r="K28" s="19">
        <v>114</v>
      </c>
    </row>
    <row r="29" spans="1:11" ht="20.100000000000001" customHeight="1">
      <c r="A29" s="17" t="s">
        <v>55</v>
      </c>
      <c r="B29" s="17"/>
      <c r="C29" s="13">
        <v>923</v>
      </c>
      <c r="D29" s="14">
        <v>494</v>
      </c>
      <c r="E29" s="14">
        <v>429</v>
      </c>
      <c r="F29" s="14"/>
      <c r="G29" s="18" t="s">
        <v>56</v>
      </c>
      <c r="H29" s="17"/>
      <c r="I29" s="13">
        <v>1374</v>
      </c>
      <c r="J29" s="14">
        <v>637</v>
      </c>
      <c r="K29" s="14">
        <v>737</v>
      </c>
    </row>
    <row r="30" spans="1:11" ht="15" customHeight="1">
      <c r="A30" s="17" t="s">
        <v>57</v>
      </c>
      <c r="B30" s="17"/>
      <c r="C30" s="13">
        <v>209</v>
      </c>
      <c r="D30" s="19">
        <v>106</v>
      </c>
      <c r="E30" s="19">
        <v>103</v>
      </c>
      <c r="F30" s="19"/>
      <c r="G30" s="18" t="s">
        <v>58</v>
      </c>
      <c r="H30" s="17"/>
      <c r="I30" s="13">
        <v>248</v>
      </c>
      <c r="J30" s="19">
        <v>115</v>
      </c>
      <c r="K30" s="19">
        <v>133</v>
      </c>
    </row>
    <row r="31" spans="1:11" ht="15" customHeight="1">
      <c r="A31" s="17" t="s">
        <v>59</v>
      </c>
      <c r="B31" s="17"/>
      <c r="C31" s="13">
        <v>193</v>
      </c>
      <c r="D31" s="19">
        <v>99</v>
      </c>
      <c r="E31" s="19">
        <v>94</v>
      </c>
      <c r="F31" s="19"/>
      <c r="G31" s="18" t="s">
        <v>60</v>
      </c>
      <c r="H31" s="17"/>
      <c r="I31" s="13">
        <v>316</v>
      </c>
      <c r="J31" s="19">
        <v>149</v>
      </c>
      <c r="K31" s="19">
        <v>167</v>
      </c>
    </row>
    <row r="32" spans="1:11" ht="15" customHeight="1">
      <c r="A32" s="17" t="s">
        <v>61</v>
      </c>
      <c r="B32" s="17"/>
      <c r="C32" s="13">
        <v>179</v>
      </c>
      <c r="D32" s="19">
        <v>90</v>
      </c>
      <c r="E32" s="19">
        <v>89</v>
      </c>
      <c r="F32" s="19"/>
      <c r="G32" s="18" t="s">
        <v>62</v>
      </c>
      <c r="H32" s="17"/>
      <c r="I32" s="13">
        <v>294</v>
      </c>
      <c r="J32" s="19">
        <v>132</v>
      </c>
      <c r="K32" s="19">
        <v>162</v>
      </c>
    </row>
    <row r="33" spans="1:11" ht="15" customHeight="1">
      <c r="A33" s="17" t="s">
        <v>63</v>
      </c>
      <c r="B33" s="17"/>
      <c r="C33" s="13">
        <v>175</v>
      </c>
      <c r="D33" s="19">
        <v>115</v>
      </c>
      <c r="E33" s="19">
        <v>60</v>
      </c>
      <c r="F33" s="19"/>
      <c r="G33" s="18" t="s">
        <v>64</v>
      </c>
      <c r="H33" s="17"/>
      <c r="I33" s="13">
        <v>314</v>
      </c>
      <c r="J33" s="19">
        <v>144</v>
      </c>
      <c r="K33" s="19">
        <v>170</v>
      </c>
    </row>
    <row r="34" spans="1:11" ht="15" customHeight="1">
      <c r="A34" s="17" t="s">
        <v>65</v>
      </c>
      <c r="B34" s="17"/>
      <c r="C34" s="13">
        <v>167</v>
      </c>
      <c r="D34" s="19">
        <v>84</v>
      </c>
      <c r="E34" s="19">
        <v>83</v>
      </c>
      <c r="F34" s="19"/>
      <c r="G34" s="18" t="s">
        <v>66</v>
      </c>
      <c r="H34" s="17"/>
      <c r="I34" s="13">
        <v>202</v>
      </c>
      <c r="J34" s="19">
        <v>97</v>
      </c>
      <c r="K34" s="19">
        <v>105</v>
      </c>
    </row>
    <row r="35" spans="1:11" ht="20.100000000000001" customHeight="1">
      <c r="A35" s="17" t="s">
        <v>67</v>
      </c>
      <c r="B35" s="17"/>
      <c r="C35" s="13">
        <v>679</v>
      </c>
      <c r="D35" s="14">
        <v>354</v>
      </c>
      <c r="E35" s="14">
        <v>325</v>
      </c>
      <c r="F35" s="14"/>
      <c r="G35" s="18" t="s">
        <v>68</v>
      </c>
      <c r="H35" s="17"/>
      <c r="I35" s="13">
        <v>1079</v>
      </c>
      <c r="J35" s="14">
        <v>496</v>
      </c>
      <c r="K35" s="14">
        <v>583</v>
      </c>
    </row>
    <row r="36" spans="1:11" ht="15" customHeight="1">
      <c r="A36" s="17" t="s">
        <v>69</v>
      </c>
      <c r="B36" s="17"/>
      <c r="C36" s="13">
        <v>134</v>
      </c>
      <c r="D36" s="19">
        <v>67</v>
      </c>
      <c r="E36" s="19">
        <v>67</v>
      </c>
      <c r="F36" s="19"/>
      <c r="G36" s="18" t="s">
        <v>70</v>
      </c>
      <c r="H36" s="17"/>
      <c r="I36" s="13">
        <v>188</v>
      </c>
      <c r="J36" s="19">
        <v>86</v>
      </c>
      <c r="K36" s="19">
        <v>102</v>
      </c>
    </row>
    <row r="37" spans="1:11" ht="15" customHeight="1">
      <c r="A37" s="17" t="s">
        <v>71</v>
      </c>
      <c r="B37" s="17"/>
      <c r="C37" s="13">
        <v>144</v>
      </c>
      <c r="D37" s="19">
        <v>65</v>
      </c>
      <c r="E37" s="19">
        <v>79</v>
      </c>
      <c r="F37" s="19"/>
      <c r="G37" s="18" t="s">
        <v>72</v>
      </c>
      <c r="H37" s="17"/>
      <c r="I37" s="13">
        <v>234</v>
      </c>
      <c r="J37" s="19">
        <v>122</v>
      </c>
      <c r="K37" s="19">
        <v>112</v>
      </c>
    </row>
    <row r="38" spans="1:11" ht="15" customHeight="1">
      <c r="A38" s="17" t="s">
        <v>73</v>
      </c>
      <c r="B38" s="17"/>
      <c r="C38" s="13">
        <v>123</v>
      </c>
      <c r="D38" s="19">
        <v>63</v>
      </c>
      <c r="E38" s="19">
        <v>60</v>
      </c>
      <c r="F38" s="19"/>
      <c r="G38" s="18" t="s">
        <v>74</v>
      </c>
      <c r="H38" s="17"/>
      <c r="I38" s="13">
        <v>225</v>
      </c>
      <c r="J38" s="19">
        <v>100</v>
      </c>
      <c r="K38" s="19">
        <v>125</v>
      </c>
    </row>
    <row r="39" spans="1:11" ht="15" customHeight="1">
      <c r="A39" s="17" t="s">
        <v>75</v>
      </c>
      <c r="B39" s="17"/>
      <c r="C39" s="13">
        <v>139</v>
      </c>
      <c r="D39" s="19">
        <v>85</v>
      </c>
      <c r="E39" s="19">
        <v>54</v>
      </c>
      <c r="F39" s="19"/>
      <c r="G39" s="18" t="s">
        <v>76</v>
      </c>
      <c r="H39" s="17"/>
      <c r="I39" s="13">
        <v>223</v>
      </c>
      <c r="J39" s="19">
        <v>101</v>
      </c>
      <c r="K39" s="19">
        <v>122</v>
      </c>
    </row>
    <row r="40" spans="1:11" ht="15" customHeight="1">
      <c r="A40" s="17" t="s">
        <v>77</v>
      </c>
      <c r="B40" s="17"/>
      <c r="C40" s="13">
        <v>139</v>
      </c>
      <c r="D40" s="19">
        <v>74</v>
      </c>
      <c r="E40" s="19">
        <v>65</v>
      </c>
      <c r="F40" s="19"/>
      <c r="G40" s="18" t="s">
        <v>78</v>
      </c>
      <c r="H40" s="17"/>
      <c r="I40" s="13">
        <v>209</v>
      </c>
      <c r="J40" s="19">
        <v>87</v>
      </c>
      <c r="K40" s="19">
        <v>122</v>
      </c>
    </row>
    <row r="41" spans="1:11" ht="20.100000000000001" customHeight="1">
      <c r="A41" s="17" t="s">
        <v>79</v>
      </c>
      <c r="B41" s="17"/>
      <c r="C41" s="13">
        <v>730</v>
      </c>
      <c r="D41" s="14">
        <v>373</v>
      </c>
      <c r="E41" s="14">
        <v>357</v>
      </c>
      <c r="F41" s="14"/>
      <c r="G41" s="18" t="s">
        <v>80</v>
      </c>
      <c r="H41" s="17"/>
      <c r="I41" s="13">
        <v>699</v>
      </c>
      <c r="J41" s="14">
        <v>298</v>
      </c>
      <c r="K41" s="14">
        <v>401</v>
      </c>
    </row>
    <row r="42" spans="1:11" ht="15" customHeight="1">
      <c r="A42" s="17" t="s">
        <v>81</v>
      </c>
      <c r="B42" s="17"/>
      <c r="C42" s="13">
        <v>139</v>
      </c>
      <c r="D42" s="19">
        <v>72</v>
      </c>
      <c r="E42" s="19">
        <v>67</v>
      </c>
      <c r="F42" s="19"/>
      <c r="G42" s="18" t="s">
        <v>82</v>
      </c>
      <c r="H42" s="17"/>
      <c r="I42" s="13">
        <v>188</v>
      </c>
      <c r="J42" s="19">
        <v>89</v>
      </c>
      <c r="K42" s="19">
        <v>99</v>
      </c>
    </row>
    <row r="43" spans="1:11" ht="15" customHeight="1">
      <c r="A43" s="17" t="s">
        <v>83</v>
      </c>
      <c r="B43" s="17"/>
      <c r="C43" s="13">
        <v>145</v>
      </c>
      <c r="D43" s="19">
        <v>82</v>
      </c>
      <c r="E43" s="19">
        <v>63</v>
      </c>
      <c r="F43" s="19"/>
      <c r="G43" s="18" t="s">
        <v>84</v>
      </c>
      <c r="H43" s="17"/>
      <c r="I43" s="13">
        <v>135</v>
      </c>
      <c r="J43" s="19">
        <v>56</v>
      </c>
      <c r="K43" s="19">
        <v>79</v>
      </c>
    </row>
    <row r="44" spans="1:11" ht="15" customHeight="1">
      <c r="A44" s="17" t="s">
        <v>85</v>
      </c>
      <c r="B44" s="17"/>
      <c r="C44" s="13">
        <v>145</v>
      </c>
      <c r="D44" s="19">
        <v>62</v>
      </c>
      <c r="E44" s="19">
        <v>83</v>
      </c>
      <c r="F44" s="19"/>
      <c r="G44" s="18" t="s">
        <v>86</v>
      </c>
      <c r="H44" s="17"/>
      <c r="I44" s="13">
        <v>124</v>
      </c>
      <c r="J44" s="19">
        <v>58</v>
      </c>
      <c r="K44" s="19">
        <v>66</v>
      </c>
    </row>
    <row r="45" spans="1:11" ht="15" customHeight="1">
      <c r="A45" s="17" t="s">
        <v>87</v>
      </c>
      <c r="B45" s="17"/>
      <c r="C45" s="13">
        <v>149</v>
      </c>
      <c r="D45" s="19">
        <v>80</v>
      </c>
      <c r="E45" s="19">
        <v>69</v>
      </c>
      <c r="F45" s="19"/>
      <c r="G45" s="18" t="s">
        <v>88</v>
      </c>
      <c r="H45" s="17"/>
      <c r="I45" s="13">
        <v>140</v>
      </c>
      <c r="J45" s="19">
        <v>53</v>
      </c>
      <c r="K45" s="19">
        <v>87</v>
      </c>
    </row>
    <row r="46" spans="1:11" ht="15" customHeight="1">
      <c r="A46" s="17" t="s">
        <v>89</v>
      </c>
      <c r="B46" s="17"/>
      <c r="C46" s="13">
        <v>152</v>
      </c>
      <c r="D46" s="19">
        <v>77</v>
      </c>
      <c r="E46" s="19">
        <v>75</v>
      </c>
      <c r="F46" s="19"/>
      <c r="G46" s="18" t="s">
        <v>90</v>
      </c>
      <c r="H46" s="17"/>
      <c r="I46" s="13">
        <v>112</v>
      </c>
      <c r="J46" s="19">
        <v>42</v>
      </c>
      <c r="K46" s="19">
        <v>70</v>
      </c>
    </row>
    <row r="47" spans="1:11" ht="20.100000000000001" customHeight="1">
      <c r="A47" s="17" t="s">
        <v>91</v>
      </c>
      <c r="B47" s="17"/>
      <c r="C47" s="13">
        <v>830</v>
      </c>
      <c r="D47" s="14">
        <v>428</v>
      </c>
      <c r="E47" s="14">
        <v>402</v>
      </c>
      <c r="F47" s="14"/>
      <c r="G47" s="18" t="s">
        <v>92</v>
      </c>
      <c r="H47" s="17"/>
      <c r="I47" s="13">
        <v>448</v>
      </c>
      <c r="J47" s="14">
        <v>175</v>
      </c>
      <c r="K47" s="14">
        <v>273</v>
      </c>
    </row>
    <row r="48" spans="1:11" ht="15" customHeight="1">
      <c r="A48" s="17" t="s">
        <v>93</v>
      </c>
      <c r="B48" s="17"/>
      <c r="C48" s="13">
        <v>147</v>
      </c>
      <c r="D48" s="19">
        <v>81</v>
      </c>
      <c r="E48" s="19">
        <v>66</v>
      </c>
      <c r="F48" s="19"/>
      <c r="G48" s="18" t="s">
        <v>94</v>
      </c>
      <c r="H48" s="17"/>
      <c r="I48" s="13">
        <v>120</v>
      </c>
      <c r="J48" s="19">
        <v>43</v>
      </c>
      <c r="K48" s="19">
        <v>77</v>
      </c>
    </row>
    <row r="49" spans="1:11" ht="15" customHeight="1">
      <c r="A49" s="17" t="s">
        <v>95</v>
      </c>
      <c r="B49" s="17"/>
      <c r="C49" s="13">
        <v>148</v>
      </c>
      <c r="D49" s="19">
        <v>75</v>
      </c>
      <c r="E49" s="19">
        <v>73</v>
      </c>
      <c r="F49" s="19"/>
      <c r="G49" s="18" t="s">
        <v>96</v>
      </c>
      <c r="H49" s="17"/>
      <c r="I49" s="13">
        <v>100</v>
      </c>
      <c r="J49" s="19">
        <v>39</v>
      </c>
      <c r="K49" s="19">
        <v>61</v>
      </c>
    </row>
    <row r="50" spans="1:11" ht="15" customHeight="1">
      <c r="A50" s="17" t="s">
        <v>97</v>
      </c>
      <c r="B50" s="17"/>
      <c r="C50" s="13">
        <v>180</v>
      </c>
      <c r="D50" s="19">
        <v>88</v>
      </c>
      <c r="E50" s="19">
        <v>92</v>
      </c>
      <c r="F50" s="19"/>
      <c r="G50" s="18" t="s">
        <v>98</v>
      </c>
      <c r="H50" s="17"/>
      <c r="I50" s="13">
        <v>92</v>
      </c>
      <c r="J50" s="19">
        <v>42</v>
      </c>
      <c r="K50" s="19">
        <v>50</v>
      </c>
    </row>
    <row r="51" spans="1:11" ht="15" customHeight="1">
      <c r="A51" s="17" t="s">
        <v>99</v>
      </c>
      <c r="B51" s="17"/>
      <c r="C51" s="13">
        <v>170</v>
      </c>
      <c r="D51" s="19">
        <v>90</v>
      </c>
      <c r="E51" s="19">
        <v>80</v>
      </c>
      <c r="F51" s="19"/>
      <c r="G51" s="18" t="s">
        <v>100</v>
      </c>
      <c r="H51" s="17"/>
      <c r="I51" s="13">
        <v>80</v>
      </c>
      <c r="J51" s="19">
        <v>32</v>
      </c>
      <c r="K51" s="19">
        <v>48</v>
      </c>
    </row>
    <row r="52" spans="1:11" ht="15" customHeight="1">
      <c r="A52" s="17" t="s">
        <v>101</v>
      </c>
      <c r="B52" s="17"/>
      <c r="C52" s="13">
        <v>185</v>
      </c>
      <c r="D52" s="19">
        <v>94</v>
      </c>
      <c r="E52" s="19">
        <v>91</v>
      </c>
      <c r="F52" s="19"/>
      <c r="G52" s="18" t="s">
        <v>102</v>
      </c>
      <c r="H52" s="17"/>
      <c r="I52" s="13">
        <v>56</v>
      </c>
      <c r="J52" s="19">
        <v>19</v>
      </c>
      <c r="K52" s="19">
        <v>37</v>
      </c>
    </row>
    <row r="53" spans="1:11" ht="20.100000000000001" customHeight="1">
      <c r="A53" s="17" t="s">
        <v>103</v>
      </c>
      <c r="B53" s="17"/>
      <c r="C53" s="13">
        <v>1164</v>
      </c>
      <c r="D53" s="14">
        <v>600</v>
      </c>
      <c r="E53" s="14">
        <v>564</v>
      </c>
      <c r="F53" s="14"/>
      <c r="G53" s="18" t="s">
        <v>104</v>
      </c>
      <c r="H53" s="17"/>
      <c r="I53" s="13">
        <v>210</v>
      </c>
      <c r="J53" s="14">
        <v>60</v>
      </c>
      <c r="K53" s="14">
        <v>150</v>
      </c>
    </row>
    <row r="54" spans="1:11" ht="15" customHeight="1">
      <c r="A54" s="17" t="s">
        <v>105</v>
      </c>
      <c r="B54" s="17"/>
      <c r="C54" s="13">
        <v>207</v>
      </c>
      <c r="D54" s="19">
        <v>103</v>
      </c>
      <c r="E54" s="19">
        <v>104</v>
      </c>
      <c r="F54" s="19"/>
      <c r="G54" s="18" t="s">
        <v>106</v>
      </c>
      <c r="H54" s="17"/>
      <c r="I54" s="13">
        <v>49</v>
      </c>
      <c r="J54" s="19">
        <v>16</v>
      </c>
      <c r="K54" s="19">
        <v>33</v>
      </c>
    </row>
    <row r="55" spans="1:11" ht="15" customHeight="1">
      <c r="A55" s="17" t="s">
        <v>107</v>
      </c>
      <c r="B55" s="17"/>
      <c r="C55" s="13">
        <v>223</v>
      </c>
      <c r="D55" s="19">
        <v>115</v>
      </c>
      <c r="E55" s="19">
        <v>108</v>
      </c>
      <c r="F55" s="19"/>
      <c r="G55" s="18" t="s">
        <v>108</v>
      </c>
      <c r="H55" s="17"/>
      <c r="I55" s="13">
        <v>47</v>
      </c>
      <c r="J55" s="19">
        <v>15</v>
      </c>
      <c r="K55" s="19">
        <v>32</v>
      </c>
    </row>
    <row r="56" spans="1:11" ht="15" customHeight="1">
      <c r="A56" s="17" t="s">
        <v>109</v>
      </c>
      <c r="B56" s="17"/>
      <c r="C56" s="13">
        <v>244</v>
      </c>
      <c r="D56" s="19">
        <v>112</v>
      </c>
      <c r="E56" s="19">
        <v>132</v>
      </c>
      <c r="F56" s="19"/>
      <c r="G56" s="18" t="s">
        <v>110</v>
      </c>
      <c r="H56" s="17"/>
      <c r="I56" s="13">
        <v>47</v>
      </c>
      <c r="J56" s="19">
        <v>9</v>
      </c>
      <c r="K56" s="19">
        <v>38</v>
      </c>
    </row>
    <row r="57" spans="1:11" ht="15" customHeight="1">
      <c r="A57" s="17" t="s">
        <v>111</v>
      </c>
      <c r="B57" s="17"/>
      <c r="C57" s="13">
        <v>214</v>
      </c>
      <c r="D57" s="19">
        <v>109</v>
      </c>
      <c r="E57" s="19">
        <v>105</v>
      </c>
      <c r="F57" s="19"/>
      <c r="G57" s="18" t="s">
        <v>112</v>
      </c>
      <c r="H57" s="17"/>
      <c r="I57" s="13">
        <v>39</v>
      </c>
      <c r="J57" s="19">
        <v>14</v>
      </c>
      <c r="K57" s="19">
        <v>25</v>
      </c>
    </row>
    <row r="58" spans="1:11" ht="15" customHeight="1">
      <c r="A58" s="17" t="s">
        <v>113</v>
      </c>
      <c r="B58" s="17"/>
      <c r="C58" s="13">
        <v>276</v>
      </c>
      <c r="D58" s="19">
        <v>161</v>
      </c>
      <c r="E58" s="19">
        <v>115</v>
      </c>
      <c r="F58" s="19"/>
      <c r="G58" s="18" t="s">
        <v>114</v>
      </c>
      <c r="H58" s="17"/>
      <c r="I58" s="13">
        <v>28</v>
      </c>
      <c r="J58" s="19">
        <v>6</v>
      </c>
      <c r="K58" s="19">
        <v>22</v>
      </c>
    </row>
    <row r="59" spans="1:11" ht="20.100000000000001" customHeight="1">
      <c r="A59" s="17" t="s">
        <v>115</v>
      </c>
      <c r="B59" s="17"/>
      <c r="C59" s="13">
        <v>1531</v>
      </c>
      <c r="D59" s="14">
        <v>772</v>
      </c>
      <c r="E59" s="14">
        <v>759</v>
      </c>
      <c r="F59" s="14"/>
      <c r="G59" s="18" t="s">
        <v>116</v>
      </c>
      <c r="H59" s="17"/>
      <c r="I59" s="13">
        <v>56</v>
      </c>
      <c r="J59" s="14">
        <v>15</v>
      </c>
      <c r="K59" s="14">
        <v>41</v>
      </c>
    </row>
    <row r="60" spans="1:11" ht="15" customHeight="1">
      <c r="A60" s="17" t="s">
        <v>117</v>
      </c>
      <c r="B60" s="17"/>
      <c r="C60" s="13">
        <v>300</v>
      </c>
      <c r="D60" s="19">
        <v>154</v>
      </c>
      <c r="E60" s="19">
        <v>146</v>
      </c>
      <c r="F60" s="19"/>
      <c r="G60" s="18" t="s">
        <v>118</v>
      </c>
      <c r="H60" s="17"/>
      <c r="I60" s="13">
        <v>19</v>
      </c>
      <c r="J60" s="19">
        <v>2</v>
      </c>
      <c r="K60" s="19">
        <v>17</v>
      </c>
    </row>
    <row r="61" spans="1:11" ht="15" customHeight="1">
      <c r="A61" s="17" t="s">
        <v>119</v>
      </c>
      <c r="B61" s="17"/>
      <c r="C61" s="13">
        <v>291</v>
      </c>
      <c r="D61" s="19">
        <v>137</v>
      </c>
      <c r="E61" s="19">
        <v>154</v>
      </c>
      <c r="F61" s="19"/>
      <c r="G61" s="18" t="s">
        <v>120</v>
      </c>
      <c r="H61" s="17"/>
      <c r="I61" s="13">
        <v>14</v>
      </c>
      <c r="J61" s="19">
        <v>6</v>
      </c>
      <c r="K61" s="19">
        <v>8</v>
      </c>
    </row>
    <row r="62" spans="1:11" ht="15" customHeight="1">
      <c r="A62" s="17" t="s">
        <v>121</v>
      </c>
      <c r="B62" s="17"/>
      <c r="C62" s="13">
        <v>335</v>
      </c>
      <c r="D62" s="19">
        <v>163</v>
      </c>
      <c r="E62" s="19">
        <v>172</v>
      </c>
      <c r="F62" s="19"/>
      <c r="G62" s="18" t="s">
        <v>122</v>
      </c>
      <c r="H62" s="17"/>
      <c r="I62" s="13">
        <v>11</v>
      </c>
      <c r="J62" s="19">
        <v>4</v>
      </c>
      <c r="K62" s="19">
        <v>7</v>
      </c>
    </row>
    <row r="63" spans="1:11" ht="15" customHeight="1">
      <c r="A63" s="17" t="s">
        <v>123</v>
      </c>
      <c r="B63" s="17"/>
      <c r="C63" s="13">
        <v>302</v>
      </c>
      <c r="D63" s="19">
        <v>164</v>
      </c>
      <c r="E63" s="19">
        <v>138</v>
      </c>
      <c r="F63" s="19"/>
      <c r="G63" s="18" t="s">
        <v>124</v>
      </c>
      <c r="H63" s="17"/>
      <c r="I63" s="13">
        <v>8</v>
      </c>
      <c r="J63" s="19">
        <v>2</v>
      </c>
      <c r="K63" s="19">
        <v>6</v>
      </c>
    </row>
    <row r="64" spans="1:11" ht="15" customHeight="1">
      <c r="A64" s="17" t="s">
        <v>125</v>
      </c>
      <c r="B64" s="17"/>
      <c r="C64" s="13">
        <v>303</v>
      </c>
      <c r="D64" s="19">
        <v>154</v>
      </c>
      <c r="E64" s="19">
        <v>149</v>
      </c>
      <c r="F64" s="19"/>
      <c r="G64" s="18" t="s">
        <v>126</v>
      </c>
      <c r="H64" s="17"/>
      <c r="I64" s="13">
        <v>4</v>
      </c>
      <c r="J64" s="19">
        <v>1</v>
      </c>
      <c r="K64" s="19">
        <v>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3</v>
      </c>
      <c r="J65" s="19">
        <v>0</v>
      </c>
      <c r="K65" s="19">
        <v>1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16</v>
      </c>
      <c r="J66" s="29">
        <v>46</v>
      </c>
      <c r="K66" s="29">
        <v>7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789</v>
      </c>
      <c r="D4" s="14">
        <v>5351</v>
      </c>
      <c r="E4" s="14">
        <v>543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27</v>
      </c>
      <c r="D5" s="14">
        <v>176</v>
      </c>
      <c r="E5" s="14">
        <v>151</v>
      </c>
      <c r="F5" s="14"/>
      <c r="G5" s="18" t="s">
        <v>8</v>
      </c>
      <c r="H5" s="17"/>
      <c r="I5" s="13">
        <v>777</v>
      </c>
      <c r="J5" s="14">
        <v>400</v>
      </c>
      <c r="K5" s="14">
        <v>377</v>
      </c>
    </row>
    <row r="6" spans="1:11" ht="15" customHeight="1">
      <c r="A6" s="17" t="s">
        <v>9</v>
      </c>
      <c r="B6" s="17"/>
      <c r="C6" s="13">
        <v>47</v>
      </c>
      <c r="D6" s="19">
        <v>25</v>
      </c>
      <c r="E6" s="19">
        <v>22</v>
      </c>
      <c r="F6" s="19"/>
      <c r="G6" s="18" t="s">
        <v>10</v>
      </c>
      <c r="H6" s="17"/>
      <c r="I6" s="13">
        <v>163</v>
      </c>
      <c r="J6" s="19">
        <v>83</v>
      </c>
      <c r="K6" s="19">
        <v>80</v>
      </c>
    </row>
    <row r="7" spans="1:11" ht="15" customHeight="1">
      <c r="A7" s="17" t="s">
        <v>11</v>
      </c>
      <c r="B7" s="17"/>
      <c r="C7" s="13">
        <v>53</v>
      </c>
      <c r="D7" s="19">
        <v>26</v>
      </c>
      <c r="E7" s="19">
        <v>27</v>
      </c>
      <c r="F7" s="19"/>
      <c r="G7" s="18" t="s">
        <v>12</v>
      </c>
      <c r="H7" s="17"/>
      <c r="I7" s="13">
        <v>164</v>
      </c>
      <c r="J7" s="19">
        <v>87</v>
      </c>
      <c r="K7" s="19">
        <v>77</v>
      </c>
    </row>
    <row r="8" spans="1:11" ht="15" customHeight="1">
      <c r="A8" s="17" t="s">
        <v>13</v>
      </c>
      <c r="B8" s="17"/>
      <c r="C8" s="13">
        <v>73</v>
      </c>
      <c r="D8" s="19">
        <v>44</v>
      </c>
      <c r="E8" s="19">
        <v>29</v>
      </c>
      <c r="F8" s="19"/>
      <c r="G8" s="18" t="s">
        <v>14</v>
      </c>
      <c r="H8" s="17"/>
      <c r="I8" s="13">
        <v>164</v>
      </c>
      <c r="J8" s="19">
        <v>85</v>
      </c>
      <c r="K8" s="19">
        <v>79</v>
      </c>
    </row>
    <row r="9" spans="1:11" ht="15" customHeight="1">
      <c r="A9" s="17" t="s">
        <v>15</v>
      </c>
      <c r="B9" s="17"/>
      <c r="C9" s="13">
        <v>74</v>
      </c>
      <c r="D9" s="19">
        <v>38</v>
      </c>
      <c r="E9" s="19">
        <v>36</v>
      </c>
      <c r="F9" s="19"/>
      <c r="G9" s="18" t="s">
        <v>16</v>
      </c>
      <c r="H9" s="17"/>
      <c r="I9" s="13">
        <v>185</v>
      </c>
      <c r="J9" s="19">
        <v>95</v>
      </c>
      <c r="K9" s="19">
        <v>90</v>
      </c>
    </row>
    <row r="10" spans="1:11" ht="15" customHeight="1">
      <c r="A10" s="17" t="s">
        <v>17</v>
      </c>
      <c r="B10" s="17"/>
      <c r="C10" s="13">
        <v>80</v>
      </c>
      <c r="D10" s="19">
        <v>43</v>
      </c>
      <c r="E10" s="19">
        <v>37</v>
      </c>
      <c r="F10" s="19"/>
      <c r="G10" s="18" t="s">
        <v>18</v>
      </c>
      <c r="H10" s="17"/>
      <c r="I10" s="13">
        <v>101</v>
      </c>
      <c r="J10" s="19">
        <v>50</v>
      </c>
      <c r="K10" s="19">
        <v>51</v>
      </c>
    </row>
    <row r="11" spans="1:11" ht="20.100000000000001" customHeight="1">
      <c r="A11" s="17" t="s">
        <v>19</v>
      </c>
      <c r="B11" s="17"/>
      <c r="C11" s="13">
        <v>342</v>
      </c>
      <c r="D11" s="14">
        <v>182</v>
      </c>
      <c r="E11" s="14">
        <v>160</v>
      </c>
      <c r="F11" s="14"/>
      <c r="G11" s="18" t="s">
        <v>20</v>
      </c>
      <c r="H11" s="17"/>
      <c r="I11" s="13">
        <v>768</v>
      </c>
      <c r="J11" s="14">
        <v>410</v>
      </c>
      <c r="K11" s="14">
        <v>358</v>
      </c>
    </row>
    <row r="12" spans="1:11" ht="15" customHeight="1">
      <c r="A12" s="17" t="s">
        <v>21</v>
      </c>
      <c r="B12" s="17"/>
      <c r="C12" s="13">
        <v>71</v>
      </c>
      <c r="D12" s="19">
        <v>41</v>
      </c>
      <c r="E12" s="19">
        <v>30</v>
      </c>
      <c r="F12" s="19"/>
      <c r="G12" s="18" t="s">
        <v>22</v>
      </c>
      <c r="H12" s="17"/>
      <c r="I12" s="13">
        <v>174</v>
      </c>
      <c r="J12" s="19">
        <v>101</v>
      </c>
      <c r="K12" s="19">
        <v>73</v>
      </c>
    </row>
    <row r="13" spans="1:11" ht="15" customHeight="1">
      <c r="A13" s="17" t="s">
        <v>23</v>
      </c>
      <c r="B13" s="17"/>
      <c r="C13" s="13">
        <v>67</v>
      </c>
      <c r="D13" s="19">
        <v>34</v>
      </c>
      <c r="E13" s="19">
        <v>33</v>
      </c>
      <c r="F13" s="19"/>
      <c r="G13" s="18" t="s">
        <v>24</v>
      </c>
      <c r="H13" s="17"/>
      <c r="I13" s="13">
        <v>141</v>
      </c>
      <c r="J13" s="19">
        <v>72</v>
      </c>
      <c r="K13" s="19">
        <v>69</v>
      </c>
    </row>
    <row r="14" spans="1:11" ht="15" customHeight="1">
      <c r="A14" s="17" t="s">
        <v>25</v>
      </c>
      <c r="B14" s="17"/>
      <c r="C14" s="13">
        <v>55</v>
      </c>
      <c r="D14" s="19">
        <v>32</v>
      </c>
      <c r="E14" s="19">
        <v>23</v>
      </c>
      <c r="F14" s="19"/>
      <c r="G14" s="18" t="s">
        <v>26</v>
      </c>
      <c r="H14" s="17"/>
      <c r="I14" s="13">
        <v>146</v>
      </c>
      <c r="J14" s="19">
        <v>80</v>
      </c>
      <c r="K14" s="19">
        <v>66</v>
      </c>
    </row>
    <row r="15" spans="1:11" ht="15" customHeight="1">
      <c r="A15" s="17" t="s">
        <v>27</v>
      </c>
      <c r="B15" s="17"/>
      <c r="C15" s="13">
        <v>79</v>
      </c>
      <c r="D15" s="19">
        <v>39</v>
      </c>
      <c r="E15" s="19">
        <v>40</v>
      </c>
      <c r="F15" s="19"/>
      <c r="G15" s="18" t="s">
        <v>28</v>
      </c>
      <c r="H15" s="17"/>
      <c r="I15" s="13">
        <v>168</v>
      </c>
      <c r="J15" s="19">
        <v>84</v>
      </c>
      <c r="K15" s="19">
        <v>84</v>
      </c>
    </row>
    <row r="16" spans="1:11" ht="15" customHeight="1">
      <c r="A16" s="17" t="s">
        <v>29</v>
      </c>
      <c r="B16" s="17"/>
      <c r="C16" s="13">
        <v>70</v>
      </c>
      <c r="D16" s="19">
        <v>36</v>
      </c>
      <c r="E16" s="19">
        <v>34</v>
      </c>
      <c r="F16" s="19"/>
      <c r="G16" s="18" t="s">
        <v>30</v>
      </c>
      <c r="H16" s="17"/>
      <c r="I16" s="13">
        <v>139</v>
      </c>
      <c r="J16" s="19">
        <v>73</v>
      </c>
      <c r="K16" s="19">
        <v>66</v>
      </c>
    </row>
    <row r="17" spans="1:11" ht="20.100000000000001" customHeight="1">
      <c r="A17" s="20" t="s">
        <v>31</v>
      </c>
      <c r="B17" s="20"/>
      <c r="C17" s="13">
        <v>340</v>
      </c>
      <c r="D17" s="14">
        <v>174</v>
      </c>
      <c r="E17" s="14">
        <v>166</v>
      </c>
      <c r="F17" s="14"/>
      <c r="G17" s="18" t="s">
        <v>32</v>
      </c>
      <c r="H17" s="17"/>
      <c r="I17" s="13">
        <v>704</v>
      </c>
      <c r="J17" s="14">
        <v>346</v>
      </c>
      <c r="K17" s="14">
        <v>358</v>
      </c>
    </row>
    <row r="18" spans="1:11" ht="15" customHeight="1">
      <c r="A18" s="17" t="s">
        <v>33</v>
      </c>
      <c r="B18" s="17"/>
      <c r="C18" s="13">
        <v>77</v>
      </c>
      <c r="D18" s="19">
        <v>41</v>
      </c>
      <c r="E18" s="19">
        <v>36</v>
      </c>
      <c r="F18" s="19"/>
      <c r="G18" s="18" t="s">
        <v>34</v>
      </c>
      <c r="H18" s="17"/>
      <c r="I18" s="13">
        <v>155</v>
      </c>
      <c r="J18" s="19">
        <v>69</v>
      </c>
      <c r="K18" s="19">
        <v>86</v>
      </c>
    </row>
    <row r="19" spans="1:11" ht="15" customHeight="1">
      <c r="A19" s="17" t="s">
        <v>35</v>
      </c>
      <c r="B19" s="17"/>
      <c r="C19" s="13">
        <v>76</v>
      </c>
      <c r="D19" s="19">
        <v>36</v>
      </c>
      <c r="E19" s="19">
        <v>40</v>
      </c>
      <c r="F19" s="19"/>
      <c r="G19" s="18" t="s">
        <v>36</v>
      </c>
      <c r="H19" s="17"/>
      <c r="I19" s="13">
        <v>136</v>
      </c>
      <c r="J19" s="19">
        <v>67</v>
      </c>
      <c r="K19" s="19">
        <v>69</v>
      </c>
    </row>
    <row r="20" spans="1:11" ht="15" customHeight="1">
      <c r="A20" s="17" t="s">
        <v>37</v>
      </c>
      <c r="B20" s="17"/>
      <c r="C20" s="13">
        <v>65</v>
      </c>
      <c r="D20" s="19">
        <v>32</v>
      </c>
      <c r="E20" s="19">
        <v>33</v>
      </c>
      <c r="F20" s="19"/>
      <c r="G20" s="18" t="s">
        <v>38</v>
      </c>
      <c r="H20" s="17"/>
      <c r="I20" s="13">
        <v>145</v>
      </c>
      <c r="J20" s="19">
        <v>76</v>
      </c>
      <c r="K20" s="19">
        <v>69</v>
      </c>
    </row>
    <row r="21" spans="1:11" ht="15" customHeight="1">
      <c r="A21" s="17" t="s">
        <v>39</v>
      </c>
      <c r="B21" s="17"/>
      <c r="C21" s="13">
        <v>61</v>
      </c>
      <c r="D21" s="19">
        <v>34</v>
      </c>
      <c r="E21" s="19">
        <v>27</v>
      </c>
      <c r="F21" s="19"/>
      <c r="G21" s="18" t="s">
        <v>40</v>
      </c>
      <c r="H21" s="17"/>
      <c r="I21" s="13">
        <v>132</v>
      </c>
      <c r="J21" s="19">
        <v>64</v>
      </c>
      <c r="K21" s="19">
        <v>68</v>
      </c>
    </row>
    <row r="22" spans="1:11" ht="15" customHeight="1">
      <c r="A22" s="17" t="s">
        <v>41</v>
      </c>
      <c r="B22" s="17"/>
      <c r="C22" s="13">
        <v>61</v>
      </c>
      <c r="D22" s="19">
        <v>31</v>
      </c>
      <c r="E22" s="19">
        <v>30</v>
      </c>
      <c r="F22" s="19"/>
      <c r="G22" s="18" t="s">
        <v>42</v>
      </c>
      <c r="H22" s="17"/>
      <c r="I22" s="13">
        <v>136</v>
      </c>
      <c r="J22" s="19">
        <v>70</v>
      </c>
      <c r="K22" s="19">
        <v>66</v>
      </c>
    </row>
    <row r="23" spans="1:11" ht="20.100000000000001" customHeight="1">
      <c r="A23" s="17" t="s">
        <v>43</v>
      </c>
      <c r="B23" s="17"/>
      <c r="C23" s="13">
        <v>438</v>
      </c>
      <c r="D23" s="14">
        <v>227</v>
      </c>
      <c r="E23" s="14">
        <v>211</v>
      </c>
      <c r="F23" s="14"/>
      <c r="G23" s="18" t="s">
        <v>44</v>
      </c>
      <c r="H23" s="17"/>
      <c r="I23" s="13">
        <v>802</v>
      </c>
      <c r="J23" s="14">
        <v>410</v>
      </c>
      <c r="K23" s="14">
        <v>392</v>
      </c>
    </row>
    <row r="24" spans="1:11" ht="15" customHeight="1">
      <c r="A24" s="17" t="s">
        <v>45</v>
      </c>
      <c r="B24" s="17"/>
      <c r="C24" s="13">
        <v>99</v>
      </c>
      <c r="D24" s="19">
        <v>46</v>
      </c>
      <c r="E24" s="19">
        <v>53</v>
      </c>
      <c r="F24" s="19"/>
      <c r="G24" s="18" t="s">
        <v>46</v>
      </c>
      <c r="H24" s="17"/>
      <c r="I24" s="13">
        <v>159</v>
      </c>
      <c r="J24" s="19">
        <v>85</v>
      </c>
      <c r="K24" s="19">
        <v>74</v>
      </c>
    </row>
    <row r="25" spans="1:11" ht="15" customHeight="1">
      <c r="A25" s="17" t="s">
        <v>47</v>
      </c>
      <c r="B25" s="17"/>
      <c r="C25" s="13">
        <v>72</v>
      </c>
      <c r="D25" s="19">
        <v>41</v>
      </c>
      <c r="E25" s="19">
        <v>31</v>
      </c>
      <c r="F25" s="19"/>
      <c r="G25" s="18" t="s">
        <v>48</v>
      </c>
      <c r="H25" s="17"/>
      <c r="I25" s="13">
        <v>149</v>
      </c>
      <c r="J25" s="19">
        <v>83</v>
      </c>
      <c r="K25" s="19">
        <v>66</v>
      </c>
    </row>
    <row r="26" spans="1:11" ht="15" customHeight="1">
      <c r="A26" s="17" t="s">
        <v>49</v>
      </c>
      <c r="B26" s="17"/>
      <c r="C26" s="13">
        <v>79</v>
      </c>
      <c r="D26" s="19">
        <v>48</v>
      </c>
      <c r="E26" s="19">
        <v>31</v>
      </c>
      <c r="F26" s="19"/>
      <c r="G26" s="18" t="s">
        <v>50</v>
      </c>
      <c r="H26" s="17"/>
      <c r="I26" s="13">
        <v>139</v>
      </c>
      <c r="J26" s="19">
        <v>65</v>
      </c>
      <c r="K26" s="19">
        <v>74</v>
      </c>
    </row>
    <row r="27" spans="1:11" ht="15" customHeight="1">
      <c r="A27" s="17" t="s">
        <v>51</v>
      </c>
      <c r="B27" s="17"/>
      <c r="C27" s="13">
        <v>86</v>
      </c>
      <c r="D27" s="19">
        <v>41</v>
      </c>
      <c r="E27" s="19">
        <v>45</v>
      </c>
      <c r="F27" s="19"/>
      <c r="G27" s="18" t="s">
        <v>52</v>
      </c>
      <c r="H27" s="17"/>
      <c r="I27" s="13">
        <v>175</v>
      </c>
      <c r="J27" s="19">
        <v>94</v>
      </c>
      <c r="K27" s="19">
        <v>81</v>
      </c>
    </row>
    <row r="28" spans="1:11" ht="15" customHeight="1">
      <c r="A28" s="17" t="s">
        <v>53</v>
      </c>
      <c r="B28" s="17"/>
      <c r="C28" s="13">
        <v>102</v>
      </c>
      <c r="D28" s="19">
        <v>51</v>
      </c>
      <c r="E28" s="19">
        <v>51</v>
      </c>
      <c r="F28" s="19"/>
      <c r="G28" s="18" t="s">
        <v>54</v>
      </c>
      <c r="H28" s="17"/>
      <c r="I28" s="13">
        <v>180</v>
      </c>
      <c r="J28" s="19">
        <v>83</v>
      </c>
      <c r="K28" s="19">
        <v>97</v>
      </c>
    </row>
    <row r="29" spans="1:11" ht="20.100000000000001" customHeight="1">
      <c r="A29" s="17" t="s">
        <v>55</v>
      </c>
      <c r="B29" s="17"/>
      <c r="C29" s="13">
        <v>487</v>
      </c>
      <c r="D29" s="14">
        <v>256</v>
      </c>
      <c r="E29" s="14">
        <v>231</v>
      </c>
      <c r="F29" s="14"/>
      <c r="G29" s="18" t="s">
        <v>56</v>
      </c>
      <c r="H29" s="17"/>
      <c r="I29" s="13">
        <v>936</v>
      </c>
      <c r="J29" s="14">
        <v>441</v>
      </c>
      <c r="K29" s="14">
        <v>495</v>
      </c>
    </row>
    <row r="30" spans="1:11" ht="15" customHeight="1">
      <c r="A30" s="17" t="s">
        <v>57</v>
      </c>
      <c r="B30" s="17"/>
      <c r="C30" s="13">
        <v>104</v>
      </c>
      <c r="D30" s="19">
        <v>57</v>
      </c>
      <c r="E30" s="19">
        <v>47</v>
      </c>
      <c r="F30" s="19"/>
      <c r="G30" s="18" t="s">
        <v>58</v>
      </c>
      <c r="H30" s="17"/>
      <c r="I30" s="13">
        <v>183</v>
      </c>
      <c r="J30" s="19">
        <v>95</v>
      </c>
      <c r="K30" s="19">
        <v>88</v>
      </c>
    </row>
    <row r="31" spans="1:11" ht="15" customHeight="1">
      <c r="A31" s="17" t="s">
        <v>59</v>
      </c>
      <c r="B31" s="17"/>
      <c r="C31" s="13">
        <v>99</v>
      </c>
      <c r="D31" s="19">
        <v>56</v>
      </c>
      <c r="E31" s="19">
        <v>43</v>
      </c>
      <c r="F31" s="19"/>
      <c r="G31" s="18" t="s">
        <v>60</v>
      </c>
      <c r="H31" s="17"/>
      <c r="I31" s="13">
        <v>214</v>
      </c>
      <c r="J31" s="19">
        <v>94</v>
      </c>
      <c r="K31" s="19">
        <v>120</v>
      </c>
    </row>
    <row r="32" spans="1:11" ht="15" customHeight="1">
      <c r="A32" s="17" t="s">
        <v>61</v>
      </c>
      <c r="B32" s="17"/>
      <c r="C32" s="13">
        <v>108</v>
      </c>
      <c r="D32" s="19">
        <v>49</v>
      </c>
      <c r="E32" s="19">
        <v>59</v>
      </c>
      <c r="F32" s="19"/>
      <c r="G32" s="18" t="s">
        <v>62</v>
      </c>
      <c r="H32" s="17"/>
      <c r="I32" s="13">
        <v>190</v>
      </c>
      <c r="J32" s="19">
        <v>85</v>
      </c>
      <c r="K32" s="19">
        <v>105</v>
      </c>
    </row>
    <row r="33" spans="1:11" ht="15" customHeight="1">
      <c r="A33" s="17" t="s">
        <v>63</v>
      </c>
      <c r="B33" s="17"/>
      <c r="C33" s="13">
        <v>89</v>
      </c>
      <c r="D33" s="19">
        <v>52</v>
      </c>
      <c r="E33" s="19">
        <v>37</v>
      </c>
      <c r="F33" s="19"/>
      <c r="G33" s="18" t="s">
        <v>64</v>
      </c>
      <c r="H33" s="17"/>
      <c r="I33" s="13">
        <v>201</v>
      </c>
      <c r="J33" s="19">
        <v>97</v>
      </c>
      <c r="K33" s="19">
        <v>104</v>
      </c>
    </row>
    <row r="34" spans="1:11" ht="15" customHeight="1">
      <c r="A34" s="17" t="s">
        <v>65</v>
      </c>
      <c r="B34" s="17"/>
      <c r="C34" s="13">
        <v>87</v>
      </c>
      <c r="D34" s="19">
        <v>42</v>
      </c>
      <c r="E34" s="19">
        <v>45</v>
      </c>
      <c r="F34" s="19"/>
      <c r="G34" s="18" t="s">
        <v>66</v>
      </c>
      <c r="H34" s="17"/>
      <c r="I34" s="13">
        <v>148</v>
      </c>
      <c r="J34" s="19">
        <v>70</v>
      </c>
      <c r="K34" s="19">
        <v>78</v>
      </c>
    </row>
    <row r="35" spans="1:11" ht="20.100000000000001" customHeight="1">
      <c r="A35" s="17" t="s">
        <v>67</v>
      </c>
      <c r="B35" s="17"/>
      <c r="C35" s="13">
        <v>421</v>
      </c>
      <c r="D35" s="14">
        <v>221</v>
      </c>
      <c r="E35" s="14">
        <v>200</v>
      </c>
      <c r="F35" s="14"/>
      <c r="G35" s="18" t="s">
        <v>68</v>
      </c>
      <c r="H35" s="17"/>
      <c r="I35" s="13">
        <v>737</v>
      </c>
      <c r="J35" s="14">
        <v>328</v>
      </c>
      <c r="K35" s="14">
        <v>409</v>
      </c>
    </row>
    <row r="36" spans="1:11" ht="15" customHeight="1">
      <c r="A36" s="17" t="s">
        <v>69</v>
      </c>
      <c r="B36" s="17"/>
      <c r="C36" s="13">
        <v>105</v>
      </c>
      <c r="D36" s="19">
        <v>59</v>
      </c>
      <c r="E36" s="19">
        <v>46</v>
      </c>
      <c r="F36" s="19"/>
      <c r="G36" s="18" t="s">
        <v>70</v>
      </c>
      <c r="H36" s="17"/>
      <c r="I36" s="13">
        <v>133</v>
      </c>
      <c r="J36" s="19">
        <v>57</v>
      </c>
      <c r="K36" s="19">
        <v>76</v>
      </c>
    </row>
    <row r="37" spans="1:11" ht="15" customHeight="1">
      <c r="A37" s="17" t="s">
        <v>71</v>
      </c>
      <c r="B37" s="17"/>
      <c r="C37" s="13">
        <v>78</v>
      </c>
      <c r="D37" s="19">
        <v>36</v>
      </c>
      <c r="E37" s="19">
        <v>42</v>
      </c>
      <c r="F37" s="19"/>
      <c r="G37" s="18" t="s">
        <v>72</v>
      </c>
      <c r="H37" s="17"/>
      <c r="I37" s="13">
        <v>149</v>
      </c>
      <c r="J37" s="19">
        <v>67</v>
      </c>
      <c r="K37" s="19">
        <v>82</v>
      </c>
    </row>
    <row r="38" spans="1:11" ht="15" customHeight="1">
      <c r="A38" s="17" t="s">
        <v>73</v>
      </c>
      <c r="B38" s="17"/>
      <c r="C38" s="13">
        <v>77</v>
      </c>
      <c r="D38" s="19">
        <v>46</v>
      </c>
      <c r="E38" s="19">
        <v>31</v>
      </c>
      <c r="F38" s="19"/>
      <c r="G38" s="18" t="s">
        <v>74</v>
      </c>
      <c r="H38" s="17"/>
      <c r="I38" s="13">
        <v>155</v>
      </c>
      <c r="J38" s="19">
        <v>69</v>
      </c>
      <c r="K38" s="19">
        <v>86</v>
      </c>
    </row>
    <row r="39" spans="1:11" ht="15" customHeight="1">
      <c r="A39" s="17" t="s">
        <v>75</v>
      </c>
      <c r="B39" s="17"/>
      <c r="C39" s="13">
        <v>77</v>
      </c>
      <c r="D39" s="19">
        <v>39</v>
      </c>
      <c r="E39" s="19">
        <v>38</v>
      </c>
      <c r="F39" s="19"/>
      <c r="G39" s="18" t="s">
        <v>76</v>
      </c>
      <c r="H39" s="17"/>
      <c r="I39" s="13">
        <v>151</v>
      </c>
      <c r="J39" s="19">
        <v>76</v>
      </c>
      <c r="K39" s="19">
        <v>75</v>
      </c>
    </row>
    <row r="40" spans="1:11" ht="15" customHeight="1">
      <c r="A40" s="17" t="s">
        <v>77</v>
      </c>
      <c r="B40" s="17"/>
      <c r="C40" s="13">
        <v>84</v>
      </c>
      <c r="D40" s="19">
        <v>41</v>
      </c>
      <c r="E40" s="19">
        <v>43</v>
      </c>
      <c r="F40" s="19"/>
      <c r="G40" s="18" t="s">
        <v>78</v>
      </c>
      <c r="H40" s="17"/>
      <c r="I40" s="13">
        <v>149</v>
      </c>
      <c r="J40" s="19">
        <v>59</v>
      </c>
      <c r="K40" s="19">
        <v>90</v>
      </c>
    </row>
    <row r="41" spans="1:11" ht="20.100000000000001" customHeight="1">
      <c r="A41" s="17" t="s">
        <v>79</v>
      </c>
      <c r="B41" s="17"/>
      <c r="C41" s="13">
        <v>512</v>
      </c>
      <c r="D41" s="14">
        <v>284</v>
      </c>
      <c r="E41" s="14">
        <v>228</v>
      </c>
      <c r="F41" s="14"/>
      <c r="G41" s="18" t="s">
        <v>80</v>
      </c>
      <c r="H41" s="17"/>
      <c r="I41" s="13">
        <v>583</v>
      </c>
      <c r="J41" s="14">
        <v>243</v>
      </c>
      <c r="K41" s="14">
        <v>340</v>
      </c>
    </row>
    <row r="42" spans="1:11" ht="15" customHeight="1">
      <c r="A42" s="17" t="s">
        <v>81</v>
      </c>
      <c r="B42" s="17"/>
      <c r="C42" s="13">
        <v>89</v>
      </c>
      <c r="D42" s="19">
        <v>49</v>
      </c>
      <c r="E42" s="19">
        <v>40</v>
      </c>
      <c r="F42" s="19"/>
      <c r="G42" s="18" t="s">
        <v>82</v>
      </c>
      <c r="H42" s="17"/>
      <c r="I42" s="13">
        <v>146</v>
      </c>
      <c r="J42" s="19">
        <v>63</v>
      </c>
      <c r="K42" s="19">
        <v>83</v>
      </c>
    </row>
    <row r="43" spans="1:11" ht="15" customHeight="1">
      <c r="A43" s="17" t="s">
        <v>83</v>
      </c>
      <c r="B43" s="17"/>
      <c r="C43" s="13">
        <v>94</v>
      </c>
      <c r="D43" s="19">
        <v>53</v>
      </c>
      <c r="E43" s="19">
        <v>41</v>
      </c>
      <c r="F43" s="19"/>
      <c r="G43" s="18" t="s">
        <v>84</v>
      </c>
      <c r="H43" s="17"/>
      <c r="I43" s="13">
        <v>96</v>
      </c>
      <c r="J43" s="19">
        <v>49</v>
      </c>
      <c r="K43" s="19">
        <v>47</v>
      </c>
    </row>
    <row r="44" spans="1:11" ht="15" customHeight="1">
      <c r="A44" s="17" t="s">
        <v>85</v>
      </c>
      <c r="B44" s="17"/>
      <c r="C44" s="13">
        <v>105</v>
      </c>
      <c r="D44" s="19">
        <v>56</v>
      </c>
      <c r="E44" s="19">
        <v>49</v>
      </c>
      <c r="F44" s="19"/>
      <c r="G44" s="18" t="s">
        <v>86</v>
      </c>
      <c r="H44" s="17"/>
      <c r="I44" s="13">
        <v>124</v>
      </c>
      <c r="J44" s="19">
        <v>47</v>
      </c>
      <c r="K44" s="19">
        <v>77</v>
      </c>
    </row>
    <row r="45" spans="1:11" ht="15" customHeight="1">
      <c r="A45" s="17" t="s">
        <v>87</v>
      </c>
      <c r="B45" s="17"/>
      <c r="C45" s="13">
        <v>107</v>
      </c>
      <c r="D45" s="19">
        <v>62</v>
      </c>
      <c r="E45" s="19">
        <v>45</v>
      </c>
      <c r="F45" s="19"/>
      <c r="G45" s="18" t="s">
        <v>88</v>
      </c>
      <c r="H45" s="17"/>
      <c r="I45" s="13">
        <v>107</v>
      </c>
      <c r="J45" s="19">
        <v>43</v>
      </c>
      <c r="K45" s="19">
        <v>64</v>
      </c>
    </row>
    <row r="46" spans="1:11" ht="15" customHeight="1">
      <c r="A46" s="17" t="s">
        <v>89</v>
      </c>
      <c r="B46" s="17"/>
      <c r="C46" s="13">
        <v>117</v>
      </c>
      <c r="D46" s="19">
        <v>64</v>
      </c>
      <c r="E46" s="19">
        <v>53</v>
      </c>
      <c r="F46" s="19"/>
      <c r="G46" s="18" t="s">
        <v>90</v>
      </c>
      <c r="H46" s="17"/>
      <c r="I46" s="13">
        <v>110</v>
      </c>
      <c r="J46" s="19">
        <v>41</v>
      </c>
      <c r="K46" s="19">
        <v>69</v>
      </c>
    </row>
    <row r="47" spans="1:11" ht="20.100000000000001" customHeight="1">
      <c r="A47" s="17" t="s">
        <v>91</v>
      </c>
      <c r="B47" s="17"/>
      <c r="C47" s="13">
        <v>513</v>
      </c>
      <c r="D47" s="14">
        <v>255</v>
      </c>
      <c r="E47" s="14">
        <v>258</v>
      </c>
      <c r="F47" s="14"/>
      <c r="G47" s="18" t="s">
        <v>92</v>
      </c>
      <c r="H47" s="17"/>
      <c r="I47" s="13">
        <v>370</v>
      </c>
      <c r="J47" s="14">
        <v>125</v>
      </c>
      <c r="K47" s="14">
        <v>245</v>
      </c>
    </row>
    <row r="48" spans="1:11" ht="15" customHeight="1">
      <c r="A48" s="17" t="s">
        <v>93</v>
      </c>
      <c r="B48" s="17"/>
      <c r="C48" s="13">
        <v>101</v>
      </c>
      <c r="D48" s="19">
        <v>43</v>
      </c>
      <c r="E48" s="19">
        <v>58</v>
      </c>
      <c r="F48" s="19"/>
      <c r="G48" s="18" t="s">
        <v>94</v>
      </c>
      <c r="H48" s="17"/>
      <c r="I48" s="13">
        <v>96</v>
      </c>
      <c r="J48" s="19">
        <v>31</v>
      </c>
      <c r="K48" s="19">
        <v>65</v>
      </c>
    </row>
    <row r="49" spans="1:11" ht="15" customHeight="1">
      <c r="A49" s="17" t="s">
        <v>95</v>
      </c>
      <c r="B49" s="17"/>
      <c r="C49" s="13">
        <v>104</v>
      </c>
      <c r="D49" s="19">
        <v>53</v>
      </c>
      <c r="E49" s="19">
        <v>51</v>
      </c>
      <c r="F49" s="19"/>
      <c r="G49" s="18" t="s">
        <v>96</v>
      </c>
      <c r="H49" s="17"/>
      <c r="I49" s="13">
        <v>80</v>
      </c>
      <c r="J49" s="19">
        <v>29</v>
      </c>
      <c r="K49" s="19">
        <v>51</v>
      </c>
    </row>
    <row r="50" spans="1:11" ht="15" customHeight="1">
      <c r="A50" s="17" t="s">
        <v>97</v>
      </c>
      <c r="B50" s="17"/>
      <c r="C50" s="13">
        <v>100</v>
      </c>
      <c r="D50" s="19">
        <v>59</v>
      </c>
      <c r="E50" s="19">
        <v>41</v>
      </c>
      <c r="F50" s="19"/>
      <c r="G50" s="18" t="s">
        <v>98</v>
      </c>
      <c r="H50" s="17"/>
      <c r="I50" s="13">
        <v>70</v>
      </c>
      <c r="J50" s="19">
        <v>23</v>
      </c>
      <c r="K50" s="19">
        <v>47</v>
      </c>
    </row>
    <row r="51" spans="1:11" ht="15" customHeight="1">
      <c r="A51" s="17" t="s">
        <v>99</v>
      </c>
      <c r="B51" s="17"/>
      <c r="C51" s="13">
        <v>109</v>
      </c>
      <c r="D51" s="19">
        <v>50</v>
      </c>
      <c r="E51" s="19">
        <v>59</v>
      </c>
      <c r="F51" s="19"/>
      <c r="G51" s="18" t="s">
        <v>100</v>
      </c>
      <c r="H51" s="17"/>
      <c r="I51" s="13">
        <v>71</v>
      </c>
      <c r="J51" s="19">
        <v>26</v>
      </c>
      <c r="K51" s="19">
        <v>45</v>
      </c>
    </row>
    <row r="52" spans="1:11" ht="15" customHeight="1">
      <c r="A52" s="17" t="s">
        <v>101</v>
      </c>
      <c r="B52" s="17"/>
      <c r="C52" s="13">
        <v>99</v>
      </c>
      <c r="D52" s="19">
        <v>50</v>
      </c>
      <c r="E52" s="19">
        <v>49</v>
      </c>
      <c r="F52" s="19"/>
      <c r="G52" s="18" t="s">
        <v>102</v>
      </c>
      <c r="H52" s="17"/>
      <c r="I52" s="13">
        <v>53</v>
      </c>
      <c r="J52" s="19">
        <v>16</v>
      </c>
      <c r="K52" s="19">
        <v>37</v>
      </c>
    </row>
    <row r="53" spans="1:11" ht="20.100000000000001" customHeight="1">
      <c r="A53" s="17" t="s">
        <v>103</v>
      </c>
      <c r="B53" s="17"/>
      <c r="C53" s="13">
        <v>642</v>
      </c>
      <c r="D53" s="14">
        <v>337</v>
      </c>
      <c r="E53" s="14">
        <v>305</v>
      </c>
      <c r="F53" s="14"/>
      <c r="G53" s="18" t="s">
        <v>104</v>
      </c>
      <c r="H53" s="17"/>
      <c r="I53" s="13">
        <v>165</v>
      </c>
      <c r="J53" s="14">
        <v>45</v>
      </c>
      <c r="K53" s="14">
        <v>120</v>
      </c>
    </row>
    <row r="54" spans="1:11" ht="15" customHeight="1">
      <c r="A54" s="17" t="s">
        <v>105</v>
      </c>
      <c r="B54" s="17"/>
      <c r="C54" s="13">
        <v>113</v>
      </c>
      <c r="D54" s="19">
        <v>61</v>
      </c>
      <c r="E54" s="19">
        <v>52</v>
      </c>
      <c r="F54" s="19"/>
      <c r="G54" s="18" t="s">
        <v>106</v>
      </c>
      <c r="H54" s="17"/>
      <c r="I54" s="13">
        <v>49</v>
      </c>
      <c r="J54" s="19">
        <v>16</v>
      </c>
      <c r="K54" s="19">
        <v>33</v>
      </c>
    </row>
    <row r="55" spans="1:11" ht="15" customHeight="1">
      <c r="A55" s="17" t="s">
        <v>107</v>
      </c>
      <c r="B55" s="17"/>
      <c r="C55" s="13">
        <v>132</v>
      </c>
      <c r="D55" s="19">
        <v>71</v>
      </c>
      <c r="E55" s="19">
        <v>61</v>
      </c>
      <c r="F55" s="19"/>
      <c r="G55" s="18" t="s">
        <v>108</v>
      </c>
      <c r="H55" s="17"/>
      <c r="I55" s="13">
        <v>40</v>
      </c>
      <c r="J55" s="19">
        <v>9</v>
      </c>
      <c r="K55" s="19">
        <v>31</v>
      </c>
    </row>
    <row r="56" spans="1:11" ht="15" customHeight="1">
      <c r="A56" s="17" t="s">
        <v>109</v>
      </c>
      <c r="B56" s="17"/>
      <c r="C56" s="13">
        <v>147</v>
      </c>
      <c r="D56" s="19">
        <v>72</v>
      </c>
      <c r="E56" s="19">
        <v>75</v>
      </c>
      <c r="F56" s="19"/>
      <c r="G56" s="18" t="s">
        <v>110</v>
      </c>
      <c r="H56" s="17"/>
      <c r="I56" s="13">
        <v>31</v>
      </c>
      <c r="J56" s="19">
        <v>9</v>
      </c>
      <c r="K56" s="19">
        <v>22</v>
      </c>
    </row>
    <row r="57" spans="1:11" ht="15" customHeight="1">
      <c r="A57" s="17" t="s">
        <v>111</v>
      </c>
      <c r="B57" s="17"/>
      <c r="C57" s="13">
        <v>133</v>
      </c>
      <c r="D57" s="19">
        <v>72</v>
      </c>
      <c r="E57" s="19">
        <v>61</v>
      </c>
      <c r="F57" s="19"/>
      <c r="G57" s="18" t="s">
        <v>112</v>
      </c>
      <c r="H57" s="17"/>
      <c r="I57" s="13">
        <v>26</v>
      </c>
      <c r="J57" s="19">
        <v>6</v>
      </c>
      <c r="K57" s="19">
        <v>20</v>
      </c>
    </row>
    <row r="58" spans="1:11" ht="15" customHeight="1">
      <c r="A58" s="17" t="s">
        <v>113</v>
      </c>
      <c r="B58" s="17"/>
      <c r="C58" s="13">
        <v>117</v>
      </c>
      <c r="D58" s="19">
        <v>61</v>
      </c>
      <c r="E58" s="19">
        <v>56</v>
      </c>
      <c r="F58" s="19"/>
      <c r="G58" s="18" t="s">
        <v>114</v>
      </c>
      <c r="H58" s="17"/>
      <c r="I58" s="13">
        <v>19</v>
      </c>
      <c r="J58" s="19">
        <v>5</v>
      </c>
      <c r="K58" s="19">
        <v>14</v>
      </c>
    </row>
    <row r="59" spans="1:11" ht="20.100000000000001" customHeight="1">
      <c r="A59" s="17" t="s">
        <v>115</v>
      </c>
      <c r="B59" s="17"/>
      <c r="C59" s="13">
        <v>753</v>
      </c>
      <c r="D59" s="14">
        <v>402</v>
      </c>
      <c r="E59" s="14">
        <v>351</v>
      </c>
      <c r="F59" s="14"/>
      <c r="G59" s="18" t="s">
        <v>116</v>
      </c>
      <c r="H59" s="17"/>
      <c r="I59" s="13">
        <v>45</v>
      </c>
      <c r="J59" s="14">
        <v>9</v>
      </c>
      <c r="K59" s="14">
        <v>36</v>
      </c>
    </row>
    <row r="60" spans="1:11" ht="15" customHeight="1">
      <c r="A60" s="17" t="s">
        <v>117</v>
      </c>
      <c r="B60" s="17"/>
      <c r="C60" s="13">
        <v>118</v>
      </c>
      <c r="D60" s="19">
        <v>59</v>
      </c>
      <c r="E60" s="19">
        <v>59</v>
      </c>
      <c r="F60" s="19"/>
      <c r="G60" s="18" t="s">
        <v>118</v>
      </c>
      <c r="H60" s="17"/>
      <c r="I60" s="13">
        <v>14</v>
      </c>
      <c r="J60" s="19">
        <v>4</v>
      </c>
      <c r="K60" s="19">
        <v>10</v>
      </c>
    </row>
    <row r="61" spans="1:11" ht="15" customHeight="1">
      <c r="A61" s="17" t="s">
        <v>119</v>
      </c>
      <c r="B61" s="17"/>
      <c r="C61" s="13">
        <v>135</v>
      </c>
      <c r="D61" s="19">
        <v>75</v>
      </c>
      <c r="E61" s="19">
        <v>60</v>
      </c>
      <c r="F61" s="19"/>
      <c r="G61" s="18" t="s">
        <v>120</v>
      </c>
      <c r="H61" s="17"/>
      <c r="I61" s="13">
        <v>6</v>
      </c>
      <c r="J61" s="19">
        <v>3</v>
      </c>
      <c r="K61" s="19">
        <v>3</v>
      </c>
    </row>
    <row r="62" spans="1:11" ht="15" customHeight="1">
      <c r="A62" s="17" t="s">
        <v>121</v>
      </c>
      <c r="B62" s="17"/>
      <c r="C62" s="13">
        <v>182</v>
      </c>
      <c r="D62" s="19">
        <v>108</v>
      </c>
      <c r="E62" s="19">
        <v>74</v>
      </c>
      <c r="F62" s="19"/>
      <c r="G62" s="18" t="s">
        <v>122</v>
      </c>
      <c r="H62" s="17"/>
      <c r="I62" s="13">
        <v>6</v>
      </c>
      <c r="J62" s="19">
        <v>0</v>
      </c>
      <c r="K62" s="19">
        <v>6</v>
      </c>
    </row>
    <row r="63" spans="1:11" ht="15" customHeight="1">
      <c r="A63" s="17" t="s">
        <v>123</v>
      </c>
      <c r="B63" s="17"/>
      <c r="C63" s="13">
        <v>153</v>
      </c>
      <c r="D63" s="19">
        <v>74</v>
      </c>
      <c r="E63" s="19">
        <v>79</v>
      </c>
      <c r="F63" s="19"/>
      <c r="G63" s="18" t="s">
        <v>124</v>
      </c>
      <c r="H63" s="17"/>
      <c r="I63" s="13">
        <v>11</v>
      </c>
      <c r="J63" s="19">
        <v>2</v>
      </c>
      <c r="K63" s="19">
        <v>9</v>
      </c>
    </row>
    <row r="64" spans="1:11" ht="15" customHeight="1">
      <c r="A64" s="17" t="s">
        <v>125</v>
      </c>
      <c r="B64" s="17"/>
      <c r="C64" s="13">
        <v>165</v>
      </c>
      <c r="D64" s="19">
        <v>86</v>
      </c>
      <c r="E64" s="19">
        <v>79</v>
      </c>
      <c r="F64" s="19"/>
      <c r="G64" s="18" t="s">
        <v>126</v>
      </c>
      <c r="H64" s="17"/>
      <c r="I64" s="13">
        <v>8</v>
      </c>
      <c r="J64" s="19">
        <v>0</v>
      </c>
      <c r="K64" s="19">
        <v>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</v>
      </c>
      <c r="J65" s="19">
        <v>1</v>
      </c>
      <c r="K65" s="19">
        <v>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25</v>
      </c>
      <c r="J66" s="29">
        <v>79</v>
      </c>
      <c r="K66" s="29">
        <v>46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733</v>
      </c>
      <c r="D4" s="14">
        <v>4820</v>
      </c>
      <c r="E4" s="14">
        <v>491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85</v>
      </c>
      <c r="D5" s="14">
        <v>97</v>
      </c>
      <c r="E5" s="14">
        <v>88</v>
      </c>
      <c r="F5" s="14"/>
      <c r="G5" s="18" t="s">
        <v>8</v>
      </c>
      <c r="H5" s="17"/>
      <c r="I5" s="13">
        <v>640</v>
      </c>
      <c r="J5" s="14">
        <v>333</v>
      </c>
      <c r="K5" s="14">
        <v>307</v>
      </c>
    </row>
    <row r="6" spans="1:11" ht="15" customHeight="1">
      <c r="A6" s="17" t="s">
        <v>9</v>
      </c>
      <c r="B6" s="17"/>
      <c r="C6" s="13">
        <v>22</v>
      </c>
      <c r="D6" s="19">
        <v>13</v>
      </c>
      <c r="E6" s="19">
        <v>9</v>
      </c>
      <c r="F6" s="19"/>
      <c r="G6" s="18" t="s">
        <v>10</v>
      </c>
      <c r="H6" s="17"/>
      <c r="I6" s="13">
        <v>145</v>
      </c>
      <c r="J6" s="19">
        <v>76</v>
      </c>
      <c r="K6" s="19">
        <v>69</v>
      </c>
    </row>
    <row r="7" spans="1:11" ht="15" customHeight="1">
      <c r="A7" s="17" t="s">
        <v>11</v>
      </c>
      <c r="B7" s="17"/>
      <c r="C7" s="13">
        <v>43</v>
      </c>
      <c r="D7" s="19">
        <v>26</v>
      </c>
      <c r="E7" s="19">
        <v>17</v>
      </c>
      <c r="F7" s="19"/>
      <c r="G7" s="18" t="s">
        <v>12</v>
      </c>
      <c r="H7" s="17"/>
      <c r="I7" s="13">
        <v>123</v>
      </c>
      <c r="J7" s="19">
        <v>66</v>
      </c>
      <c r="K7" s="19">
        <v>57</v>
      </c>
    </row>
    <row r="8" spans="1:11" ht="15" customHeight="1">
      <c r="A8" s="17" t="s">
        <v>13</v>
      </c>
      <c r="B8" s="17"/>
      <c r="C8" s="13">
        <v>36</v>
      </c>
      <c r="D8" s="19">
        <v>16</v>
      </c>
      <c r="E8" s="19">
        <v>20</v>
      </c>
      <c r="F8" s="19"/>
      <c r="G8" s="18" t="s">
        <v>14</v>
      </c>
      <c r="H8" s="17"/>
      <c r="I8" s="13">
        <v>133</v>
      </c>
      <c r="J8" s="19">
        <v>70</v>
      </c>
      <c r="K8" s="19">
        <v>63</v>
      </c>
    </row>
    <row r="9" spans="1:11" ht="15" customHeight="1">
      <c r="A9" s="17" t="s">
        <v>15</v>
      </c>
      <c r="B9" s="17"/>
      <c r="C9" s="13">
        <v>39</v>
      </c>
      <c r="D9" s="19">
        <v>18</v>
      </c>
      <c r="E9" s="19">
        <v>21</v>
      </c>
      <c r="F9" s="19"/>
      <c r="G9" s="18" t="s">
        <v>16</v>
      </c>
      <c r="H9" s="17"/>
      <c r="I9" s="13">
        <v>130</v>
      </c>
      <c r="J9" s="19">
        <v>69</v>
      </c>
      <c r="K9" s="19">
        <v>61</v>
      </c>
    </row>
    <row r="10" spans="1:11" ht="15" customHeight="1">
      <c r="A10" s="17" t="s">
        <v>17</v>
      </c>
      <c r="B10" s="17"/>
      <c r="C10" s="13">
        <v>45</v>
      </c>
      <c r="D10" s="19">
        <v>24</v>
      </c>
      <c r="E10" s="19">
        <v>21</v>
      </c>
      <c r="F10" s="19"/>
      <c r="G10" s="18" t="s">
        <v>18</v>
      </c>
      <c r="H10" s="17"/>
      <c r="I10" s="13">
        <v>109</v>
      </c>
      <c r="J10" s="19">
        <v>52</v>
      </c>
      <c r="K10" s="19">
        <v>57</v>
      </c>
    </row>
    <row r="11" spans="1:11" ht="20.100000000000001" customHeight="1">
      <c r="A11" s="17" t="s">
        <v>19</v>
      </c>
      <c r="B11" s="17"/>
      <c r="C11" s="13">
        <v>318</v>
      </c>
      <c r="D11" s="14">
        <v>154</v>
      </c>
      <c r="E11" s="14">
        <v>164</v>
      </c>
      <c r="F11" s="14"/>
      <c r="G11" s="18" t="s">
        <v>20</v>
      </c>
      <c r="H11" s="17"/>
      <c r="I11" s="13">
        <v>658</v>
      </c>
      <c r="J11" s="14">
        <v>340</v>
      </c>
      <c r="K11" s="14">
        <v>318</v>
      </c>
    </row>
    <row r="12" spans="1:11" ht="15" customHeight="1">
      <c r="A12" s="17" t="s">
        <v>21</v>
      </c>
      <c r="B12" s="17"/>
      <c r="C12" s="13">
        <v>57</v>
      </c>
      <c r="D12" s="19">
        <v>31</v>
      </c>
      <c r="E12" s="19">
        <v>26</v>
      </c>
      <c r="F12" s="19"/>
      <c r="G12" s="18" t="s">
        <v>22</v>
      </c>
      <c r="H12" s="17"/>
      <c r="I12" s="13">
        <v>151</v>
      </c>
      <c r="J12" s="19">
        <v>87</v>
      </c>
      <c r="K12" s="19">
        <v>64</v>
      </c>
    </row>
    <row r="13" spans="1:11" ht="15" customHeight="1">
      <c r="A13" s="17" t="s">
        <v>23</v>
      </c>
      <c r="B13" s="17"/>
      <c r="C13" s="13">
        <v>59</v>
      </c>
      <c r="D13" s="19">
        <v>29</v>
      </c>
      <c r="E13" s="19">
        <v>30</v>
      </c>
      <c r="F13" s="19"/>
      <c r="G13" s="18" t="s">
        <v>24</v>
      </c>
      <c r="H13" s="17"/>
      <c r="I13" s="13">
        <v>120</v>
      </c>
      <c r="J13" s="19">
        <v>55</v>
      </c>
      <c r="K13" s="19">
        <v>65</v>
      </c>
    </row>
    <row r="14" spans="1:11" ht="15" customHeight="1">
      <c r="A14" s="17" t="s">
        <v>25</v>
      </c>
      <c r="B14" s="17"/>
      <c r="C14" s="13">
        <v>74</v>
      </c>
      <c r="D14" s="19">
        <v>35</v>
      </c>
      <c r="E14" s="19">
        <v>39</v>
      </c>
      <c r="F14" s="19"/>
      <c r="G14" s="18" t="s">
        <v>26</v>
      </c>
      <c r="H14" s="17"/>
      <c r="I14" s="13">
        <v>124</v>
      </c>
      <c r="J14" s="19">
        <v>68</v>
      </c>
      <c r="K14" s="19">
        <v>56</v>
      </c>
    </row>
    <row r="15" spans="1:11" ht="15" customHeight="1">
      <c r="A15" s="17" t="s">
        <v>27</v>
      </c>
      <c r="B15" s="17"/>
      <c r="C15" s="13">
        <v>67</v>
      </c>
      <c r="D15" s="19">
        <v>30</v>
      </c>
      <c r="E15" s="19">
        <v>37</v>
      </c>
      <c r="F15" s="19"/>
      <c r="G15" s="18" t="s">
        <v>28</v>
      </c>
      <c r="H15" s="17"/>
      <c r="I15" s="13">
        <v>136</v>
      </c>
      <c r="J15" s="19">
        <v>75</v>
      </c>
      <c r="K15" s="19">
        <v>61</v>
      </c>
    </row>
    <row r="16" spans="1:11" ht="15" customHeight="1">
      <c r="A16" s="17" t="s">
        <v>29</v>
      </c>
      <c r="B16" s="17"/>
      <c r="C16" s="13">
        <v>61</v>
      </c>
      <c r="D16" s="19">
        <v>29</v>
      </c>
      <c r="E16" s="19">
        <v>32</v>
      </c>
      <c r="F16" s="19"/>
      <c r="G16" s="18" t="s">
        <v>30</v>
      </c>
      <c r="H16" s="17"/>
      <c r="I16" s="13">
        <v>127</v>
      </c>
      <c r="J16" s="19">
        <v>55</v>
      </c>
      <c r="K16" s="19">
        <v>72</v>
      </c>
    </row>
    <row r="17" spans="1:11" ht="20.100000000000001" customHeight="1">
      <c r="A17" s="20" t="s">
        <v>31</v>
      </c>
      <c r="B17" s="20"/>
      <c r="C17" s="13">
        <v>322</v>
      </c>
      <c r="D17" s="14">
        <v>167</v>
      </c>
      <c r="E17" s="14">
        <v>155</v>
      </c>
      <c r="F17" s="14"/>
      <c r="G17" s="18" t="s">
        <v>32</v>
      </c>
      <c r="H17" s="17"/>
      <c r="I17" s="13">
        <v>771</v>
      </c>
      <c r="J17" s="14">
        <v>398</v>
      </c>
      <c r="K17" s="14">
        <v>373</v>
      </c>
    </row>
    <row r="18" spans="1:11" ht="15" customHeight="1">
      <c r="A18" s="17" t="s">
        <v>33</v>
      </c>
      <c r="B18" s="17"/>
      <c r="C18" s="13">
        <v>61</v>
      </c>
      <c r="D18" s="19">
        <v>37</v>
      </c>
      <c r="E18" s="19">
        <v>24</v>
      </c>
      <c r="F18" s="19"/>
      <c r="G18" s="18" t="s">
        <v>34</v>
      </c>
      <c r="H18" s="17"/>
      <c r="I18" s="13">
        <v>143</v>
      </c>
      <c r="J18" s="19">
        <v>75</v>
      </c>
      <c r="K18" s="19">
        <v>68</v>
      </c>
    </row>
    <row r="19" spans="1:11" ht="15" customHeight="1">
      <c r="A19" s="17" t="s">
        <v>35</v>
      </c>
      <c r="B19" s="17"/>
      <c r="C19" s="13">
        <v>58</v>
      </c>
      <c r="D19" s="19">
        <v>33</v>
      </c>
      <c r="E19" s="19">
        <v>25</v>
      </c>
      <c r="F19" s="19"/>
      <c r="G19" s="18" t="s">
        <v>36</v>
      </c>
      <c r="H19" s="17"/>
      <c r="I19" s="13">
        <v>140</v>
      </c>
      <c r="J19" s="19">
        <v>76</v>
      </c>
      <c r="K19" s="19">
        <v>64</v>
      </c>
    </row>
    <row r="20" spans="1:11" ht="15" customHeight="1">
      <c r="A20" s="17" t="s">
        <v>37</v>
      </c>
      <c r="B20" s="17"/>
      <c r="C20" s="13">
        <v>69</v>
      </c>
      <c r="D20" s="19">
        <v>33</v>
      </c>
      <c r="E20" s="19">
        <v>36</v>
      </c>
      <c r="F20" s="19"/>
      <c r="G20" s="18" t="s">
        <v>38</v>
      </c>
      <c r="H20" s="17"/>
      <c r="I20" s="13">
        <v>164</v>
      </c>
      <c r="J20" s="19">
        <v>83</v>
      </c>
      <c r="K20" s="19">
        <v>81</v>
      </c>
    </row>
    <row r="21" spans="1:11" ht="15" customHeight="1">
      <c r="A21" s="17" t="s">
        <v>39</v>
      </c>
      <c r="B21" s="17"/>
      <c r="C21" s="13">
        <v>60</v>
      </c>
      <c r="D21" s="19">
        <v>30</v>
      </c>
      <c r="E21" s="19">
        <v>30</v>
      </c>
      <c r="F21" s="19"/>
      <c r="G21" s="18" t="s">
        <v>40</v>
      </c>
      <c r="H21" s="17"/>
      <c r="I21" s="13">
        <v>147</v>
      </c>
      <c r="J21" s="19">
        <v>76</v>
      </c>
      <c r="K21" s="19">
        <v>71</v>
      </c>
    </row>
    <row r="22" spans="1:11" ht="15" customHeight="1">
      <c r="A22" s="17" t="s">
        <v>41</v>
      </c>
      <c r="B22" s="17"/>
      <c r="C22" s="13">
        <v>74</v>
      </c>
      <c r="D22" s="19">
        <v>34</v>
      </c>
      <c r="E22" s="19">
        <v>40</v>
      </c>
      <c r="F22" s="19"/>
      <c r="G22" s="18" t="s">
        <v>42</v>
      </c>
      <c r="H22" s="17"/>
      <c r="I22" s="13">
        <v>177</v>
      </c>
      <c r="J22" s="19">
        <v>88</v>
      </c>
      <c r="K22" s="19">
        <v>89</v>
      </c>
    </row>
    <row r="23" spans="1:11" ht="20.100000000000001" customHeight="1">
      <c r="A23" s="17" t="s">
        <v>43</v>
      </c>
      <c r="B23" s="17"/>
      <c r="C23" s="13">
        <v>375</v>
      </c>
      <c r="D23" s="14">
        <v>198</v>
      </c>
      <c r="E23" s="14">
        <v>177</v>
      </c>
      <c r="F23" s="14"/>
      <c r="G23" s="18" t="s">
        <v>44</v>
      </c>
      <c r="H23" s="17"/>
      <c r="I23" s="13">
        <v>896</v>
      </c>
      <c r="J23" s="14">
        <v>439</v>
      </c>
      <c r="K23" s="14">
        <v>457</v>
      </c>
    </row>
    <row r="24" spans="1:11" ht="15" customHeight="1">
      <c r="A24" s="17" t="s">
        <v>45</v>
      </c>
      <c r="B24" s="17"/>
      <c r="C24" s="13">
        <v>67</v>
      </c>
      <c r="D24" s="19">
        <v>37</v>
      </c>
      <c r="E24" s="19">
        <v>30</v>
      </c>
      <c r="F24" s="19"/>
      <c r="G24" s="18" t="s">
        <v>46</v>
      </c>
      <c r="H24" s="17"/>
      <c r="I24" s="13">
        <v>167</v>
      </c>
      <c r="J24" s="19">
        <v>76</v>
      </c>
      <c r="K24" s="19">
        <v>91</v>
      </c>
    </row>
    <row r="25" spans="1:11" ht="15" customHeight="1">
      <c r="A25" s="17" t="s">
        <v>47</v>
      </c>
      <c r="B25" s="17"/>
      <c r="C25" s="13">
        <v>78</v>
      </c>
      <c r="D25" s="19">
        <v>41</v>
      </c>
      <c r="E25" s="19">
        <v>37</v>
      </c>
      <c r="F25" s="19"/>
      <c r="G25" s="18" t="s">
        <v>48</v>
      </c>
      <c r="H25" s="17"/>
      <c r="I25" s="13">
        <v>171</v>
      </c>
      <c r="J25" s="19">
        <v>76</v>
      </c>
      <c r="K25" s="19">
        <v>95</v>
      </c>
    </row>
    <row r="26" spans="1:11" ht="15" customHeight="1">
      <c r="A26" s="17" t="s">
        <v>49</v>
      </c>
      <c r="B26" s="17"/>
      <c r="C26" s="13">
        <v>80</v>
      </c>
      <c r="D26" s="19">
        <v>40</v>
      </c>
      <c r="E26" s="19">
        <v>40</v>
      </c>
      <c r="F26" s="19"/>
      <c r="G26" s="18" t="s">
        <v>50</v>
      </c>
      <c r="H26" s="17"/>
      <c r="I26" s="13">
        <v>173</v>
      </c>
      <c r="J26" s="19">
        <v>90</v>
      </c>
      <c r="K26" s="19">
        <v>83</v>
      </c>
    </row>
    <row r="27" spans="1:11" ht="15" customHeight="1">
      <c r="A27" s="17" t="s">
        <v>51</v>
      </c>
      <c r="B27" s="17"/>
      <c r="C27" s="13">
        <v>71</v>
      </c>
      <c r="D27" s="19">
        <v>36</v>
      </c>
      <c r="E27" s="19">
        <v>35</v>
      </c>
      <c r="F27" s="19"/>
      <c r="G27" s="18" t="s">
        <v>52</v>
      </c>
      <c r="H27" s="17"/>
      <c r="I27" s="13">
        <v>193</v>
      </c>
      <c r="J27" s="19">
        <v>97</v>
      </c>
      <c r="K27" s="19">
        <v>96</v>
      </c>
    </row>
    <row r="28" spans="1:11" ht="15" customHeight="1">
      <c r="A28" s="17" t="s">
        <v>53</v>
      </c>
      <c r="B28" s="17"/>
      <c r="C28" s="13">
        <v>79</v>
      </c>
      <c r="D28" s="19">
        <v>44</v>
      </c>
      <c r="E28" s="19">
        <v>35</v>
      </c>
      <c r="F28" s="19"/>
      <c r="G28" s="18" t="s">
        <v>54</v>
      </c>
      <c r="H28" s="17"/>
      <c r="I28" s="13">
        <v>192</v>
      </c>
      <c r="J28" s="19">
        <v>100</v>
      </c>
      <c r="K28" s="19">
        <v>92</v>
      </c>
    </row>
    <row r="29" spans="1:11" ht="20.100000000000001" customHeight="1">
      <c r="A29" s="17" t="s">
        <v>55</v>
      </c>
      <c r="B29" s="17"/>
      <c r="C29" s="13">
        <v>364</v>
      </c>
      <c r="D29" s="14">
        <v>195</v>
      </c>
      <c r="E29" s="14">
        <v>169</v>
      </c>
      <c r="F29" s="14"/>
      <c r="G29" s="18" t="s">
        <v>56</v>
      </c>
      <c r="H29" s="17"/>
      <c r="I29" s="13">
        <v>1079</v>
      </c>
      <c r="J29" s="14">
        <v>529</v>
      </c>
      <c r="K29" s="14">
        <v>550</v>
      </c>
    </row>
    <row r="30" spans="1:11" ht="15" customHeight="1">
      <c r="A30" s="17" t="s">
        <v>57</v>
      </c>
      <c r="B30" s="17"/>
      <c r="C30" s="13">
        <v>76</v>
      </c>
      <c r="D30" s="19">
        <v>37</v>
      </c>
      <c r="E30" s="19">
        <v>39</v>
      </c>
      <c r="F30" s="19"/>
      <c r="G30" s="18" t="s">
        <v>58</v>
      </c>
      <c r="H30" s="17"/>
      <c r="I30" s="13">
        <v>250</v>
      </c>
      <c r="J30" s="19">
        <v>121</v>
      </c>
      <c r="K30" s="19">
        <v>129</v>
      </c>
    </row>
    <row r="31" spans="1:11" ht="15" customHeight="1">
      <c r="A31" s="17" t="s">
        <v>59</v>
      </c>
      <c r="B31" s="17"/>
      <c r="C31" s="13">
        <v>81</v>
      </c>
      <c r="D31" s="19">
        <v>42</v>
      </c>
      <c r="E31" s="19">
        <v>39</v>
      </c>
      <c r="F31" s="19"/>
      <c r="G31" s="18" t="s">
        <v>60</v>
      </c>
      <c r="H31" s="17"/>
      <c r="I31" s="13">
        <v>234</v>
      </c>
      <c r="J31" s="19">
        <v>114</v>
      </c>
      <c r="K31" s="19">
        <v>120</v>
      </c>
    </row>
    <row r="32" spans="1:11" ht="15" customHeight="1">
      <c r="A32" s="17" t="s">
        <v>61</v>
      </c>
      <c r="B32" s="17"/>
      <c r="C32" s="13">
        <v>74</v>
      </c>
      <c r="D32" s="19">
        <v>40</v>
      </c>
      <c r="E32" s="19">
        <v>34</v>
      </c>
      <c r="F32" s="19"/>
      <c r="G32" s="18" t="s">
        <v>62</v>
      </c>
      <c r="H32" s="17"/>
      <c r="I32" s="13">
        <v>223</v>
      </c>
      <c r="J32" s="19">
        <v>110</v>
      </c>
      <c r="K32" s="19">
        <v>113</v>
      </c>
    </row>
    <row r="33" spans="1:11" ht="15" customHeight="1">
      <c r="A33" s="17" t="s">
        <v>63</v>
      </c>
      <c r="B33" s="17"/>
      <c r="C33" s="13">
        <v>71</v>
      </c>
      <c r="D33" s="19">
        <v>37</v>
      </c>
      <c r="E33" s="19">
        <v>34</v>
      </c>
      <c r="F33" s="19"/>
      <c r="G33" s="18" t="s">
        <v>64</v>
      </c>
      <c r="H33" s="17"/>
      <c r="I33" s="13">
        <v>237</v>
      </c>
      <c r="J33" s="19">
        <v>123</v>
      </c>
      <c r="K33" s="19">
        <v>114</v>
      </c>
    </row>
    <row r="34" spans="1:11" ht="15" customHeight="1">
      <c r="A34" s="17" t="s">
        <v>65</v>
      </c>
      <c r="B34" s="17"/>
      <c r="C34" s="13">
        <v>62</v>
      </c>
      <c r="D34" s="19">
        <v>39</v>
      </c>
      <c r="E34" s="19">
        <v>23</v>
      </c>
      <c r="F34" s="19"/>
      <c r="G34" s="18" t="s">
        <v>66</v>
      </c>
      <c r="H34" s="17"/>
      <c r="I34" s="13">
        <v>135</v>
      </c>
      <c r="J34" s="19">
        <v>61</v>
      </c>
      <c r="K34" s="19">
        <v>74</v>
      </c>
    </row>
    <row r="35" spans="1:11" ht="20.100000000000001" customHeight="1">
      <c r="A35" s="17" t="s">
        <v>67</v>
      </c>
      <c r="B35" s="17"/>
      <c r="C35" s="13">
        <v>325</v>
      </c>
      <c r="D35" s="14">
        <v>188</v>
      </c>
      <c r="E35" s="14">
        <v>137</v>
      </c>
      <c r="F35" s="14"/>
      <c r="G35" s="18" t="s">
        <v>68</v>
      </c>
      <c r="H35" s="17"/>
      <c r="I35" s="13">
        <v>663</v>
      </c>
      <c r="J35" s="14">
        <v>322</v>
      </c>
      <c r="K35" s="14">
        <v>341</v>
      </c>
    </row>
    <row r="36" spans="1:11" ht="15" customHeight="1">
      <c r="A36" s="17" t="s">
        <v>69</v>
      </c>
      <c r="B36" s="17"/>
      <c r="C36" s="13">
        <v>66</v>
      </c>
      <c r="D36" s="19">
        <v>35</v>
      </c>
      <c r="E36" s="19">
        <v>31</v>
      </c>
      <c r="F36" s="19"/>
      <c r="G36" s="18" t="s">
        <v>70</v>
      </c>
      <c r="H36" s="17"/>
      <c r="I36" s="13">
        <v>131</v>
      </c>
      <c r="J36" s="19">
        <v>67</v>
      </c>
      <c r="K36" s="19">
        <v>64</v>
      </c>
    </row>
    <row r="37" spans="1:11" ht="15" customHeight="1">
      <c r="A37" s="17" t="s">
        <v>71</v>
      </c>
      <c r="B37" s="17"/>
      <c r="C37" s="13">
        <v>68</v>
      </c>
      <c r="D37" s="19">
        <v>36</v>
      </c>
      <c r="E37" s="19">
        <v>32</v>
      </c>
      <c r="F37" s="19"/>
      <c r="G37" s="18" t="s">
        <v>72</v>
      </c>
      <c r="H37" s="17"/>
      <c r="I37" s="13">
        <v>130</v>
      </c>
      <c r="J37" s="19">
        <v>66</v>
      </c>
      <c r="K37" s="19">
        <v>64</v>
      </c>
    </row>
    <row r="38" spans="1:11" ht="15" customHeight="1">
      <c r="A38" s="17" t="s">
        <v>73</v>
      </c>
      <c r="B38" s="17"/>
      <c r="C38" s="13">
        <v>68</v>
      </c>
      <c r="D38" s="19">
        <v>44</v>
      </c>
      <c r="E38" s="19">
        <v>24</v>
      </c>
      <c r="F38" s="19"/>
      <c r="G38" s="18" t="s">
        <v>74</v>
      </c>
      <c r="H38" s="17"/>
      <c r="I38" s="13">
        <v>134</v>
      </c>
      <c r="J38" s="19">
        <v>76</v>
      </c>
      <c r="K38" s="19">
        <v>58</v>
      </c>
    </row>
    <row r="39" spans="1:11" ht="15" customHeight="1">
      <c r="A39" s="17" t="s">
        <v>75</v>
      </c>
      <c r="B39" s="17"/>
      <c r="C39" s="13">
        <v>65</v>
      </c>
      <c r="D39" s="19">
        <v>44</v>
      </c>
      <c r="E39" s="19">
        <v>21</v>
      </c>
      <c r="F39" s="19"/>
      <c r="G39" s="18" t="s">
        <v>76</v>
      </c>
      <c r="H39" s="17"/>
      <c r="I39" s="13">
        <v>128</v>
      </c>
      <c r="J39" s="19">
        <v>53</v>
      </c>
      <c r="K39" s="19">
        <v>75</v>
      </c>
    </row>
    <row r="40" spans="1:11" ht="15" customHeight="1">
      <c r="A40" s="17" t="s">
        <v>77</v>
      </c>
      <c r="B40" s="17"/>
      <c r="C40" s="13">
        <v>58</v>
      </c>
      <c r="D40" s="19">
        <v>29</v>
      </c>
      <c r="E40" s="19">
        <v>29</v>
      </c>
      <c r="F40" s="19"/>
      <c r="G40" s="18" t="s">
        <v>78</v>
      </c>
      <c r="H40" s="17"/>
      <c r="I40" s="13">
        <v>140</v>
      </c>
      <c r="J40" s="19">
        <v>60</v>
      </c>
      <c r="K40" s="19">
        <v>80</v>
      </c>
    </row>
    <row r="41" spans="1:11" ht="20.100000000000001" customHeight="1">
      <c r="A41" s="17" t="s">
        <v>79</v>
      </c>
      <c r="B41" s="17"/>
      <c r="C41" s="13">
        <v>345</v>
      </c>
      <c r="D41" s="14">
        <v>183</v>
      </c>
      <c r="E41" s="14">
        <v>162</v>
      </c>
      <c r="F41" s="14"/>
      <c r="G41" s="18" t="s">
        <v>80</v>
      </c>
      <c r="H41" s="17"/>
      <c r="I41" s="13">
        <v>570</v>
      </c>
      <c r="J41" s="14">
        <v>233</v>
      </c>
      <c r="K41" s="14">
        <v>337</v>
      </c>
    </row>
    <row r="42" spans="1:11" ht="15" customHeight="1">
      <c r="A42" s="17" t="s">
        <v>81</v>
      </c>
      <c r="B42" s="17"/>
      <c r="C42" s="13">
        <v>43</v>
      </c>
      <c r="D42" s="19">
        <v>23</v>
      </c>
      <c r="E42" s="19">
        <v>20</v>
      </c>
      <c r="F42" s="19"/>
      <c r="G42" s="18" t="s">
        <v>82</v>
      </c>
      <c r="H42" s="17"/>
      <c r="I42" s="13">
        <v>141</v>
      </c>
      <c r="J42" s="19">
        <v>52</v>
      </c>
      <c r="K42" s="19">
        <v>89</v>
      </c>
    </row>
    <row r="43" spans="1:11" ht="15" customHeight="1">
      <c r="A43" s="17" t="s">
        <v>83</v>
      </c>
      <c r="B43" s="17"/>
      <c r="C43" s="13">
        <v>62</v>
      </c>
      <c r="D43" s="19">
        <v>36</v>
      </c>
      <c r="E43" s="19">
        <v>26</v>
      </c>
      <c r="F43" s="19"/>
      <c r="G43" s="18" t="s">
        <v>84</v>
      </c>
      <c r="H43" s="17"/>
      <c r="I43" s="13">
        <v>104</v>
      </c>
      <c r="J43" s="19">
        <v>42</v>
      </c>
      <c r="K43" s="19">
        <v>62</v>
      </c>
    </row>
    <row r="44" spans="1:11" ht="15" customHeight="1">
      <c r="A44" s="17" t="s">
        <v>85</v>
      </c>
      <c r="B44" s="17"/>
      <c r="C44" s="13">
        <v>84</v>
      </c>
      <c r="D44" s="19">
        <v>45</v>
      </c>
      <c r="E44" s="19">
        <v>39</v>
      </c>
      <c r="F44" s="19"/>
      <c r="G44" s="18" t="s">
        <v>86</v>
      </c>
      <c r="H44" s="17"/>
      <c r="I44" s="13">
        <v>112</v>
      </c>
      <c r="J44" s="19">
        <v>47</v>
      </c>
      <c r="K44" s="19">
        <v>65</v>
      </c>
    </row>
    <row r="45" spans="1:11" ht="15" customHeight="1">
      <c r="A45" s="17" t="s">
        <v>87</v>
      </c>
      <c r="B45" s="17"/>
      <c r="C45" s="13">
        <v>75</v>
      </c>
      <c r="D45" s="19">
        <v>39</v>
      </c>
      <c r="E45" s="19">
        <v>36</v>
      </c>
      <c r="F45" s="19"/>
      <c r="G45" s="18" t="s">
        <v>88</v>
      </c>
      <c r="H45" s="17"/>
      <c r="I45" s="13">
        <v>105</v>
      </c>
      <c r="J45" s="19">
        <v>44</v>
      </c>
      <c r="K45" s="19">
        <v>61</v>
      </c>
    </row>
    <row r="46" spans="1:11" ht="15" customHeight="1">
      <c r="A46" s="17" t="s">
        <v>89</v>
      </c>
      <c r="B46" s="17"/>
      <c r="C46" s="13">
        <v>81</v>
      </c>
      <c r="D46" s="19">
        <v>40</v>
      </c>
      <c r="E46" s="19">
        <v>41</v>
      </c>
      <c r="F46" s="19"/>
      <c r="G46" s="18" t="s">
        <v>90</v>
      </c>
      <c r="H46" s="17"/>
      <c r="I46" s="13">
        <v>108</v>
      </c>
      <c r="J46" s="19">
        <v>48</v>
      </c>
      <c r="K46" s="19">
        <v>60</v>
      </c>
    </row>
    <row r="47" spans="1:11" ht="20.100000000000001" customHeight="1">
      <c r="A47" s="17" t="s">
        <v>91</v>
      </c>
      <c r="B47" s="17"/>
      <c r="C47" s="13">
        <v>414</v>
      </c>
      <c r="D47" s="14">
        <v>232</v>
      </c>
      <c r="E47" s="14">
        <v>182</v>
      </c>
      <c r="F47" s="14"/>
      <c r="G47" s="18" t="s">
        <v>92</v>
      </c>
      <c r="H47" s="17"/>
      <c r="I47" s="13">
        <v>418</v>
      </c>
      <c r="J47" s="14">
        <v>147</v>
      </c>
      <c r="K47" s="14">
        <v>271</v>
      </c>
    </row>
    <row r="48" spans="1:11" ht="15" customHeight="1">
      <c r="A48" s="17" t="s">
        <v>93</v>
      </c>
      <c r="B48" s="17"/>
      <c r="C48" s="13">
        <v>72</v>
      </c>
      <c r="D48" s="19">
        <v>41</v>
      </c>
      <c r="E48" s="19">
        <v>31</v>
      </c>
      <c r="F48" s="19"/>
      <c r="G48" s="18" t="s">
        <v>94</v>
      </c>
      <c r="H48" s="17"/>
      <c r="I48" s="13">
        <v>106</v>
      </c>
      <c r="J48" s="19">
        <v>36</v>
      </c>
      <c r="K48" s="19">
        <v>70</v>
      </c>
    </row>
    <row r="49" spans="1:11" ht="15" customHeight="1">
      <c r="A49" s="17" t="s">
        <v>95</v>
      </c>
      <c r="B49" s="17"/>
      <c r="C49" s="13">
        <v>87</v>
      </c>
      <c r="D49" s="19">
        <v>49</v>
      </c>
      <c r="E49" s="19">
        <v>38</v>
      </c>
      <c r="F49" s="19"/>
      <c r="G49" s="18" t="s">
        <v>96</v>
      </c>
      <c r="H49" s="17"/>
      <c r="I49" s="13">
        <v>80</v>
      </c>
      <c r="J49" s="19">
        <v>32</v>
      </c>
      <c r="K49" s="19">
        <v>48</v>
      </c>
    </row>
    <row r="50" spans="1:11" ht="15" customHeight="1">
      <c r="A50" s="17" t="s">
        <v>97</v>
      </c>
      <c r="B50" s="17"/>
      <c r="C50" s="13">
        <v>86</v>
      </c>
      <c r="D50" s="19">
        <v>53</v>
      </c>
      <c r="E50" s="19">
        <v>33</v>
      </c>
      <c r="F50" s="19"/>
      <c r="G50" s="18" t="s">
        <v>98</v>
      </c>
      <c r="H50" s="17"/>
      <c r="I50" s="13">
        <v>82</v>
      </c>
      <c r="J50" s="19">
        <v>33</v>
      </c>
      <c r="K50" s="19">
        <v>49</v>
      </c>
    </row>
    <row r="51" spans="1:11" ht="15" customHeight="1">
      <c r="A51" s="17" t="s">
        <v>99</v>
      </c>
      <c r="B51" s="17"/>
      <c r="C51" s="13">
        <v>85</v>
      </c>
      <c r="D51" s="19">
        <v>50</v>
      </c>
      <c r="E51" s="19">
        <v>35</v>
      </c>
      <c r="F51" s="19"/>
      <c r="G51" s="18" t="s">
        <v>100</v>
      </c>
      <c r="H51" s="17"/>
      <c r="I51" s="13">
        <v>76</v>
      </c>
      <c r="J51" s="19">
        <v>28</v>
      </c>
      <c r="K51" s="19">
        <v>48</v>
      </c>
    </row>
    <row r="52" spans="1:11" ht="15" customHeight="1">
      <c r="A52" s="17" t="s">
        <v>101</v>
      </c>
      <c r="B52" s="17"/>
      <c r="C52" s="13">
        <v>84</v>
      </c>
      <c r="D52" s="19">
        <v>39</v>
      </c>
      <c r="E52" s="19">
        <v>45</v>
      </c>
      <c r="F52" s="19"/>
      <c r="G52" s="18" t="s">
        <v>102</v>
      </c>
      <c r="H52" s="17"/>
      <c r="I52" s="13">
        <v>74</v>
      </c>
      <c r="J52" s="19">
        <v>18</v>
      </c>
      <c r="K52" s="19">
        <v>56</v>
      </c>
    </row>
    <row r="53" spans="1:11" ht="20.100000000000001" customHeight="1">
      <c r="A53" s="17" t="s">
        <v>103</v>
      </c>
      <c r="B53" s="17"/>
      <c r="C53" s="13">
        <v>528</v>
      </c>
      <c r="D53" s="14">
        <v>285</v>
      </c>
      <c r="E53" s="14">
        <v>243</v>
      </c>
      <c r="F53" s="14"/>
      <c r="G53" s="18" t="s">
        <v>104</v>
      </c>
      <c r="H53" s="17"/>
      <c r="I53" s="13">
        <v>198</v>
      </c>
      <c r="J53" s="14">
        <v>57</v>
      </c>
      <c r="K53" s="14">
        <v>141</v>
      </c>
    </row>
    <row r="54" spans="1:11" ht="15" customHeight="1">
      <c r="A54" s="17" t="s">
        <v>105</v>
      </c>
      <c r="B54" s="17"/>
      <c r="C54" s="13">
        <v>101</v>
      </c>
      <c r="D54" s="19">
        <v>51</v>
      </c>
      <c r="E54" s="19">
        <v>50</v>
      </c>
      <c r="F54" s="19"/>
      <c r="G54" s="18" t="s">
        <v>106</v>
      </c>
      <c r="H54" s="17"/>
      <c r="I54" s="13">
        <v>59</v>
      </c>
      <c r="J54" s="19">
        <v>20</v>
      </c>
      <c r="K54" s="19">
        <v>39</v>
      </c>
    </row>
    <row r="55" spans="1:11" ht="15" customHeight="1">
      <c r="A55" s="17" t="s">
        <v>107</v>
      </c>
      <c r="B55" s="17"/>
      <c r="C55" s="13">
        <v>93</v>
      </c>
      <c r="D55" s="19">
        <v>51</v>
      </c>
      <c r="E55" s="19">
        <v>42</v>
      </c>
      <c r="F55" s="19"/>
      <c r="G55" s="18" t="s">
        <v>108</v>
      </c>
      <c r="H55" s="17"/>
      <c r="I55" s="13">
        <v>33</v>
      </c>
      <c r="J55" s="19">
        <v>12</v>
      </c>
      <c r="K55" s="19">
        <v>21</v>
      </c>
    </row>
    <row r="56" spans="1:11" ht="15" customHeight="1">
      <c r="A56" s="17" t="s">
        <v>109</v>
      </c>
      <c r="B56" s="17"/>
      <c r="C56" s="13">
        <v>103</v>
      </c>
      <c r="D56" s="19">
        <v>57</v>
      </c>
      <c r="E56" s="19">
        <v>46</v>
      </c>
      <c r="F56" s="19"/>
      <c r="G56" s="18" t="s">
        <v>110</v>
      </c>
      <c r="H56" s="17"/>
      <c r="I56" s="13">
        <v>46</v>
      </c>
      <c r="J56" s="19">
        <v>11</v>
      </c>
      <c r="K56" s="19">
        <v>35</v>
      </c>
    </row>
    <row r="57" spans="1:11" ht="15" customHeight="1">
      <c r="A57" s="17" t="s">
        <v>111</v>
      </c>
      <c r="B57" s="17"/>
      <c r="C57" s="13">
        <v>121</v>
      </c>
      <c r="D57" s="19">
        <v>65</v>
      </c>
      <c r="E57" s="19">
        <v>56</v>
      </c>
      <c r="F57" s="19"/>
      <c r="G57" s="18" t="s">
        <v>112</v>
      </c>
      <c r="H57" s="17"/>
      <c r="I57" s="13">
        <v>37</v>
      </c>
      <c r="J57" s="19">
        <v>10</v>
      </c>
      <c r="K57" s="19">
        <v>27</v>
      </c>
    </row>
    <row r="58" spans="1:11" ht="15" customHeight="1">
      <c r="A58" s="17" t="s">
        <v>113</v>
      </c>
      <c r="B58" s="17"/>
      <c r="C58" s="13">
        <v>110</v>
      </c>
      <c r="D58" s="19">
        <v>61</v>
      </c>
      <c r="E58" s="19">
        <v>49</v>
      </c>
      <c r="F58" s="19"/>
      <c r="G58" s="18" t="s">
        <v>114</v>
      </c>
      <c r="H58" s="17"/>
      <c r="I58" s="13">
        <v>23</v>
      </c>
      <c r="J58" s="19">
        <v>4</v>
      </c>
      <c r="K58" s="19">
        <v>19</v>
      </c>
    </row>
    <row r="59" spans="1:11" ht="20.100000000000001" customHeight="1">
      <c r="A59" s="17" t="s">
        <v>115</v>
      </c>
      <c r="B59" s="17"/>
      <c r="C59" s="13">
        <v>579</v>
      </c>
      <c r="D59" s="14">
        <v>294</v>
      </c>
      <c r="E59" s="14">
        <v>285</v>
      </c>
      <c r="F59" s="14"/>
      <c r="G59" s="18" t="s">
        <v>116</v>
      </c>
      <c r="H59" s="17"/>
      <c r="I59" s="13">
        <v>52</v>
      </c>
      <c r="J59" s="14">
        <v>12</v>
      </c>
      <c r="K59" s="14">
        <v>40</v>
      </c>
    </row>
    <row r="60" spans="1:11" ht="15" customHeight="1">
      <c r="A60" s="17" t="s">
        <v>117</v>
      </c>
      <c r="B60" s="17"/>
      <c r="C60" s="13">
        <v>102</v>
      </c>
      <c r="D60" s="19">
        <v>48</v>
      </c>
      <c r="E60" s="19">
        <v>54</v>
      </c>
      <c r="F60" s="19"/>
      <c r="G60" s="18" t="s">
        <v>118</v>
      </c>
      <c r="H60" s="17"/>
      <c r="I60" s="13">
        <v>13</v>
      </c>
      <c r="J60" s="19">
        <v>1</v>
      </c>
      <c r="K60" s="19">
        <v>12</v>
      </c>
    </row>
    <row r="61" spans="1:11" ht="15" customHeight="1">
      <c r="A61" s="17" t="s">
        <v>119</v>
      </c>
      <c r="B61" s="17"/>
      <c r="C61" s="13">
        <v>126</v>
      </c>
      <c r="D61" s="19">
        <v>73</v>
      </c>
      <c r="E61" s="19">
        <v>53</v>
      </c>
      <c r="F61" s="19"/>
      <c r="G61" s="18" t="s">
        <v>120</v>
      </c>
      <c r="H61" s="17"/>
      <c r="I61" s="13">
        <v>15</v>
      </c>
      <c r="J61" s="19">
        <v>1</v>
      </c>
      <c r="K61" s="19">
        <v>14</v>
      </c>
    </row>
    <row r="62" spans="1:11" ht="15" customHeight="1">
      <c r="A62" s="17" t="s">
        <v>121</v>
      </c>
      <c r="B62" s="17"/>
      <c r="C62" s="13">
        <v>134</v>
      </c>
      <c r="D62" s="19">
        <v>64</v>
      </c>
      <c r="E62" s="19">
        <v>70</v>
      </c>
      <c r="F62" s="19"/>
      <c r="G62" s="18" t="s">
        <v>122</v>
      </c>
      <c r="H62" s="17"/>
      <c r="I62" s="13">
        <v>11</v>
      </c>
      <c r="J62" s="19">
        <v>4</v>
      </c>
      <c r="K62" s="19">
        <v>7</v>
      </c>
    </row>
    <row r="63" spans="1:11" ht="15" customHeight="1">
      <c r="A63" s="17" t="s">
        <v>123</v>
      </c>
      <c r="B63" s="17"/>
      <c r="C63" s="13">
        <v>113</v>
      </c>
      <c r="D63" s="19">
        <v>57</v>
      </c>
      <c r="E63" s="19">
        <v>56</v>
      </c>
      <c r="F63" s="19"/>
      <c r="G63" s="18" t="s">
        <v>124</v>
      </c>
      <c r="H63" s="17"/>
      <c r="I63" s="13">
        <v>6</v>
      </c>
      <c r="J63" s="19">
        <v>2</v>
      </c>
      <c r="K63" s="19">
        <v>4</v>
      </c>
    </row>
    <row r="64" spans="1:11" ht="15" customHeight="1">
      <c r="A64" s="17" t="s">
        <v>125</v>
      </c>
      <c r="B64" s="17"/>
      <c r="C64" s="13">
        <v>104</v>
      </c>
      <c r="D64" s="19">
        <v>52</v>
      </c>
      <c r="E64" s="19">
        <v>52</v>
      </c>
      <c r="F64" s="19"/>
      <c r="G64" s="18" t="s">
        <v>126</v>
      </c>
      <c r="H64" s="17"/>
      <c r="I64" s="13">
        <v>7</v>
      </c>
      <c r="J64" s="19">
        <v>4</v>
      </c>
      <c r="K64" s="19">
        <v>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</v>
      </c>
      <c r="J65" s="19">
        <v>1</v>
      </c>
      <c r="K65" s="19">
        <v>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8</v>
      </c>
      <c r="J66" s="29">
        <v>16</v>
      </c>
      <c r="K66" s="29">
        <v>1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398</v>
      </c>
      <c r="D4" s="14">
        <v>8950</v>
      </c>
      <c r="E4" s="14">
        <v>944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15</v>
      </c>
      <c r="D5" s="14">
        <v>416</v>
      </c>
      <c r="E5" s="14">
        <v>399</v>
      </c>
      <c r="F5" s="14"/>
      <c r="G5" s="18" t="s">
        <v>8</v>
      </c>
      <c r="H5" s="17"/>
      <c r="I5" s="13">
        <v>1338</v>
      </c>
      <c r="J5" s="14">
        <v>695</v>
      </c>
      <c r="K5" s="14">
        <v>643</v>
      </c>
    </row>
    <row r="6" spans="1:11" ht="15" customHeight="1">
      <c r="A6" s="17" t="s">
        <v>9</v>
      </c>
      <c r="B6" s="17"/>
      <c r="C6" s="13">
        <v>144</v>
      </c>
      <c r="D6" s="19">
        <v>83</v>
      </c>
      <c r="E6" s="19">
        <v>61</v>
      </c>
      <c r="F6" s="19"/>
      <c r="G6" s="18" t="s">
        <v>10</v>
      </c>
      <c r="H6" s="17"/>
      <c r="I6" s="13">
        <v>281</v>
      </c>
      <c r="J6" s="19">
        <v>140</v>
      </c>
      <c r="K6" s="19">
        <v>141</v>
      </c>
    </row>
    <row r="7" spans="1:11" ht="15" customHeight="1">
      <c r="A7" s="17" t="s">
        <v>11</v>
      </c>
      <c r="B7" s="17"/>
      <c r="C7" s="13">
        <v>146</v>
      </c>
      <c r="D7" s="19">
        <v>66</v>
      </c>
      <c r="E7" s="19">
        <v>80</v>
      </c>
      <c r="F7" s="19"/>
      <c r="G7" s="18" t="s">
        <v>12</v>
      </c>
      <c r="H7" s="17"/>
      <c r="I7" s="13">
        <v>304</v>
      </c>
      <c r="J7" s="19">
        <v>159</v>
      </c>
      <c r="K7" s="19">
        <v>145</v>
      </c>
    </row>
    <row r="8" spans="1:11" ht="15" customHeight="1">
      <c r="A8" s="17" t="s">
        <v>13</v>
      </c>
      <c r="B8" s="17"/>
      <c r="C8" s="13">
        <v>163</v>
      </c>
      <c r="D8" s="19">
        <v>81</v>
      </c>
      <c r="E8" s="19">
        <v>82</v>
      </c>
      <c r="F8" s="19"/>
      <c r="G8" s="18" t="s">
        <v>14</v>
      </c>
      <c r="H8" s="17"/>
      <c r="I8" s="13">
        <v>277</v>
      </c>
      <c r="J8" s="19">
        <v>154</v>
      </c>
      <c r="K8" s="19">
        <v>123</v>
      </c>
    </row>
    <row r="9" spans="1:11" ht="15" customHeight="1">
      <c r="A9" s="17" t="s">
        <v>15</v>
      </c>
      <c r="B9" s="17"/>
      <c r="C9" s="13">
        <v>196</v>
      </c>
      <c r="D9" s="19">
        <v>108</v>
      </c>
      <c r="E9" s="19">
        <v>88</v>
      </c>
      <c r="F9" s="19"/>
      <c r="G9" s="18" t="s">
        <v>16</v>
      </c>
      <c r="H9" s="17"/>
      <c r="I9" s="13">
        <v>296</v>
      </c>
      <c r="J9" s="19">
        <v>149</v>
      </c>
      <c r="K9" s="19">
        <v>147</v>
      </c>
    </row>
    <row r="10" spans="1:11" ht="15" customHeight="1">
      <c r="A10" s="17" t="s">
        <v>17</v>
      </c>
      <c r="B10" s="17"/>
      <c r="C10" s="13">
        <v>166</v>
      </c>
      <c r="D10" s="19">
        <v>78</v>
      </c>
      <c r="E10" s="19">
        <v>88</v>
      </c>
      <c r="F10" s="19"/>
      <c r="G10" s="18" t="s">
        <v>18</v>
      </c>
      <c r="H10" s="17"/>
      <c r="I10" s="13">
        <v>180</v>
      </c>
      <c r="J10" s="19">
        <v>93</v>
      </c>
      <c r="K10" s="19">
        <v>87</v>
      </c>
    </row>
    <row r="11" spans="1:11" ht="20.100000000000001" customHeight="1">
      <c r="A11" s="17" t="s">
        <v>19</v>
      </c>
      <c r="B11" s="17"/>
      <c r="C11" s="13">
        <v>972</v>
      </c>
      <c r="D11" s="14">
        <v>496</v>
      </c>
      <c r="E11" s="14">
        <v>476</v>
      </c>
      <c r="F11" s="14"/>
      <c r="G11" s="18" t="s">
        <v>20</v>
      </c>
      <c r="H11" s="17"/>
      <c r="I11" s="13">
        <v>1100</v>
      </c>
      <c r="J11" s="14">
        <v>544</v>
      </c>
      <c r="K11" s="14">
        <v>556</v>
      </c>
    </row>
    <row r="12" spans="1:11" ht="15" customHeight="1">
      <c r="A12" s="17" t="s">
        <v>21</v>
      </c>
      <c r="B12" s="17"/>
      <c r="C12" s="13">
        <v>196</v>
      </c>
      <c r="D12" s="19">
        <v>100</v>
      </c>
      <c r="E12" s="19">
        <v>96</v>
      </c>
      <c r="F12" s="19"/>
      <c r="G12" s="18" t="s">
        <v>22</v>
      </c>
      <c r="H12" s="17"/>
      <c r="I12" s="13">
        <v>259</v>
      </c>
      <c r="J12" s="19">
        <v>123</v>
      </c>
      <c r="K12" s="19">
        <v>136</v>
      </c>
    </row>
    <row r="13" spans="1:11" ht="15" customHeight="1">
      <c r="A13" s="17" t="s">
        <v>23</v>
      </c>
      <c r="B13" s="17"/>
      <c r="C13" s="13">
        <v>189</v>
      </c>
      <c r="D13" s="19">
        <v>95</v>
      </c>
      <c r="E13" s="19">
        <v>94</v>
      </c>
      <c r="F13" s="19"/>
      <c r="G13" s="18" t="s">
        <v>24</v>
      </c>
      <c r="H13" s="17"/>
      <c r="I13" s="13">
        <v>236</v>
      </c>
      <c r="J13" s="19">
        <v>113</v>
      </c>
      <c r="K13" s="19">
        <v>123</v>
      </c>
    </row>
    <row r="14" spans="1:11" ht="15" customHeight="1">
      <c r="A14" s="17" t="s">
        <v>25</v>
      </c>
      <c r="B14" s="17"/>
      <c r="C14" s="13">
        <v>208</v>
      </c>
      <c r="D14" s="19">
        <v>110</v>
      </c>
      <c r="E14" s="19">
        <v>98</v>
      </c>
      <c r="F14" s="19"/>
      <c r="G14" s="18" t="s">
        <v>26</v>
      </c>
      <c r="H14" s="17"/>
      <c r="I14" s="13">
        <v>213</v>
      </c>
      <c r="J14" s="19">
        <v>106</v>
      </c>
      <c r="K14" s="19">
        <v>107</v>
      </c>
    </row>
    <row r="15" spans="1:11" ht="15" customHeight="1">
      <c r="A15" s="17" t="s">
        <v>27</v>
      </c>
      <c r="B15" s="17"/>
      <c r="C15" s="13">
        <v>178</v>
      </c>
      <c r="D15" s="19">
        <v>100</v>
      </c>
      <c r="E15" s="19">
        <v>78</v>
      </c>
      <c r="F15" s="19"/>
      <c r="G15" s="18" t="s">
        <v>28</v>
      </c>
      <c r="H15" s="17"/>
      <c r="I15" s="13">
        <v>201</v>
      </c>
      <c r="J15" s="19">
        <v>105</v>
      </c>
      <c r="K15" s="19">
        <v>96</v>
      </c>
    </row>
    <row r="16" spans="1:11" ht="15" customHeight="1">
      <c r="A16" s="17" t="s">
        <v>29</v>
      </c>
      <c r="B16" s="17"/>
      <c r="C16" s="13">
        <v>201</v>
      </c>
      <c r="D16" s="19">
        <v>91</v>
      </c>
      <c r="E16" s="19">
        <v>110</v>
      </c>
      <c r="F16" s="19"/>
      <c r="G16" s="18" t="s">
        <v>30</v>
      </c>
      <c r="H16" s="17"/>
      <c r="I16" s="13">
        <v>191</v>
      </c>
      <c r="J16" s="19">
        <v>97</v>
      </c>
      <c r="K16" s="19">
        <v>94</v>
      </c>
    </row>
    <row r="17" spans="1:11" ht="20.100000000000001" customHeight="1">
      <c r="A17" s="20" t="s">
        <v>31</v>
      </c>
      <c r="B17" s="20"/>
      <c r="C17" s="13">
        <v>918</v>
      </c>
      <c r="D17" s="14">
        <v>465</v>
      </c>
      <c r="E17" s="14">
        <v>453</v>
      </c>
      <c r="F17" s="14"/>
      <c r="G17" s="18" t="s">
        <v>32</v>
      </c>
      <c r="H17" s="17"/>
      <c r="I17" s="13">
        <v>874</v>
      </c>
      <c r="J17" s="14">
        <v>438</v>
      </c>
      <c r="K17" s="14">
        <v>436</v>
      </c>
    </row>
    <row r="18" spans="1:11" ht="15" customHeight="1">
      <c r="A18" s="17" t="s">
        <v>33</v>
      </c>
      <c r="B18" s="17"/>
      <c r="C18" s="13">
        <v>188</v>
      </c>
      <c r="D18" s="19">
        <v>99</v>
      </c>
      <c r="E18" s="19">
        <v>89</v>
      </c>
      <c r="F18" s="19"/>
      <c r="G18" s="18" t="s">
        <v>34</v>
      </c>
      <c r="H18" s="17"/>
      <c r="I18" s="13">
        <v>147</v>
      </c>
      <c r="J18" s="19">
        <v>74</v>
      </c>
      <c r="K18" s="19">
        <v>73</v>
      </c>
    </row>
    <row r="19" spans="1:11" ht="15" customHeight="1">
      <c r="A19" s="17" t="s">
        <v>35</v>
      </c>
      <c r="B19" s="17"/>
      <c r="C19" s="13">
        <v>182</v>
      </c>
      <c r="D19" s="19">
        <v>86</v>
      </c>
      <c r="E19" s="19">
        <v>96</v>
      </c>
      <c r="F19" s="19"/>
      <c r="G19" s="18" t="s">
        <v>36</v>
      </c>
      <c r="H19" s="17"/>
      <c r="I19" s="13">
        <v>169</v>
      </c>
      <c r="J19" s="19">
        <v>94</v>
      </c>
      <c r="K19" s="19">
        <v>75</v>
      </c>
    </row>
    <row r="20" spans="1:11" ht="15" customHeight="1">
      <c r="A20" s="17" t="s">
        <v>37</v>
      </c>
      <c r="B20" s="17"/>
      <c r="C20" s="13">
        <v>189</v>
      </c>
      <c r="D20" s="19">
        <v>95</v>
      </c>
      <c r="E20" s="19">
        <v>94</v>
      </c>
      <c r="F20" s="19"/>
      <c r="G20" s="18" t="s">
        <v>38</v>
      </c>
      <c r="H20" s="17"/>
      <c r="I20" s="13">
        <v>185</v>
      </c>
      <c r="J20" s="19">
        <v>93</v>
      </c>
      <c r="K20" s="19">
        <v>92</v>
      </c>
    </row>
    <row r="21" spans="1:11" ht="15" customHeight="1">
      <c r="A21" s="17" t="s">
        <v>39</v>
      </c>
      <c r="B21" s="17"/>
      <c r="C21" s="13">
        <v>180</v>
      </c>
      <c r="D21" s="19">
        <v>103</v>
      </c>
      <c r="E21" s="19">
        <v>77</v>
      </c>
      <c r="F21" s="19"/>
      <c r="G21" s="18" t="s">
        <v>40</v>
      </c>
      <c r="H21" s="17"/>
      <c r="I21" s="13">
        <v>201</v>
      </c>
      <c r="J21" s="19">
        <v>93</v>
      </c>
      <c r="K21" s="19">
        <v>108</v>
      </c>
    </row>
    <row r="22" spans="1:11" ht="15" customHeight="1">
      <c r="A22" s="17" t="s">
        <v>41</v>
      </c>
      <c r="B22" s="17"/>
      <c r="C22" s="13">
        <v>179</v>
      </c>
      <c r="D22" s="19">
        <v>82</v>
      </c>
      <c r="E22" s="19">
        <v>97</v>
      </c>
      <c r="F22" s="19"/>
      <c r="G22" s="18" t="s">
        <v>42</v>
      </c>
      <c r="H22" s="17"/>
      <c r="I22" s="13">
        <v>172</v>
      </c>
      <c r="J22" s="19">
        <v>84</v>
      </c>
      <c r="K22" s="19">
        <v>88</v>
      </c>
    </row>
    <row r="23" spans="1:11" ht="20.100000000000001" customHeight="1">
      <c r="A23" s="17" t="s">
        <v>43</v>
      </c>
      <c r="B23" s="17"/>
      <c r="C23" s="13">
        <v>957</v>
      </c>
      <c r="D23" s="14">
        <v>456</v>
      </c>
      <c r="E23" s="14">
        <v>501</v>
      </c>
      <c r="F23" s="14"/>
      <c r="G23" s="18" t="s">
        <v>44</v>
      </c>
      <c r="H23" s="17"/>
      <c r="I23" s="13">
        <v>1000</v>
      </c>
      <c r="J23" s="14">
        <v>468</v>
      </c>
      <c r="K23" s="14">
        <v>532</v>
      </c>
    </row>
    <row r="24" spans="1:11" ht="15" customHeight="1">
      <c r="A24" s="17" t="s">
        <v>45</v>
      </c>
      <c r="B24" s="17"/>
      <c r="C24" s="13">
        <v>197</v>
      </c>
      <c r="D24" s="19">
        <v>96</v>
      </c>
      <c r="E24" s="19">
        <v>101</v>
      </c>
      <c r="F24" s="19"/>
      <c r="G24" s="18" t="s">
        <v>46</v>
      </c>
      <c r="H24" s="17"/>
      <c r="I24" s="13">
        <v>180</v>
      </c>
      <c r="J24" s="19">
        <v>82</v>
      </c>
      <c r="K24" s="19">
        <v>98</v>
      </c>
    </row>
    <row r="25" spans="1:11" ht="15" customHeight="1">
      <c r="A25" s="17" t="s">
        <v>47</v>
      </c>
      <c r="B25" s="17"/>
      <c r="C25" s="13">
        <v>190</v>
      </c>
      <c r="D25" s="19">
        <v>87</v>
      </c>
      <c r="E25" s="19">
        <v>103</v>
      </c>
      <c r="F25" s="19"/>
      <c r="G25" s="18" t="s">
        <v>48</v>
      </c>
      <c r="H25" s="17"/>
      <c r="I25" s="13">
        <v>183</v>
      </c>
      <c r="J25" s="19">
        <v>87</v>
      </c>
      <c r="K25" s="19">
        <v>96</v>
      </c>
    </row>
    <row r="26" spans="1:11" ht="15" customHeight="1">
      <c r="A26" s="17" t="s">
        <v>49</v>
      </c>
      <c r="B26" s="17"/>
      <c r="C26" s="13">
        <v>189</v>
      </c>
      <c r="D26" s="19">
        <v>89</v>
      </c>
      <c r="E26" s="19">
        <v>100</v>
      </c>
      <c r="F26" s="19"/>
      <c r="G26" s="18" t="s">
        <v>50</v>
      </c>
      <c r="H26" s="17"/>
      <c r="I26" s="13">
        <v>198</v>
      </c>
      <c r="J26" s="19">
        <v>100</v>
      </c>
      <c r="K26" s="19">
        <v>98</v>
      </c>
    </row>
    <row r="27" spans="1:11" ht="15" customHeight="1">
      <c r="A27" s="17" t="s">
        <v>51</v>
      </c>
      <c r="B27" s="17"/>
      <c r="C27" s="13">
        <v>218</v>
      </c>
      <c r="D27" s="19">
        <v>103</v>
      </c>
      <c r="E27" s="19">
        <v>115</v>
      </c>
      <c r="F27" s="19"/>
      <c r="G27" s="18" t="s">
        <v>52</v>
      </c>
      <c r="H27" s="17"/>
      <c r="I27" s="13">
        <v>239</v>
      </c>
      <c r="J27" s="19">
        <v>109</v>
      </c>
      <c r="K27" s="19">
        <v>130</v>
      </c>
    </row>
    <row r="28" spans="1:11" ht="15" customHeight="1">
      <c r="A28" s="17" t="s">
        <v>53</v>
      </c>
      <c r="B28" s="17"/>
      <c r="C28" s="13">
        <v>163</v>
      </c>
      <c r="D28" s="19">
        <v>81</v>
      </c>
      <c r="E28" s="19">
        <v>82</v>
      </c>
      <c r="F28" s="19"/>
      <c r="G28" s="18" t="s">
        <v>54</v>
      </c>
      <c r="H28" s="17"/>
      <c r="I28" s="13">
        <v>200</v>
      </c>
      <c r="J28" s="19">
        <v>90</v>
      </c>
      <c r="K28" s="19">
        <v>110</v>
      </c>
    </row>
    <row r="29" spans="1:11" ht="20.100000000000001" customHeight="1">
      <c r="A29" s="17" t="s">
        <v>55</v>
      </c>
      <c r="B29" s="17"/>
      <c r="C29" s="13">
        <v>806</v>
      </c>
      <c r="D29" s="14">
        <v>414</v>
      </c>
      <c r="E29" s="14">
        <v>392</v>
      </c>
      <c r="F29" s="14"/>
      <c r="G29" s="18" t="s">
        <v>56</v>
      </c>
      <c r="H29" s="17"/>
      <c r="I29" s="13">
        <v>1172</v>
      </c>
      <c r="J29" s="14">
        <v>542</v>
      </c>
      <c r="K29" s="14">
        <v>630</v>
      </c>
    </row>
    <row r="30" spans="1:11" ht="15" customHeight="1">
      <c r="A30" s="17" t="s">
        <v>57</v>
      </c>
      <c r="B30" s="17"/>
      <c r="C30" s="13">
        <v>185</v>
      </c>
      <c r="D30" s="19">
        <v>98</v>
      </c>
      <c r="E30" s="19">
        <v>87</v>
      </c>
      <c r="F30" s="19"/>
      <c r="G30" s="18" t="s">
        <v>58</v>
      </c>
      <c r="H30" s="17"/>
      <c r="I30" s="13">
        <v>226</v>
      </c>
      <c r="J30" s="19">
        <v>95</v>
      </c>
      <c r="K30" s="19">
        <v>131</v>
      </c>
    </row>
    <row r="31" spans="1:11" ht="15" customHeight="1">
      <c r="A31" s="17" t="s">
        <v>59</v>
      </c>
      <c r="B31" s="17"/>
      <c r="C31" s="13">
        <v>170</v>
      </c>
      <c r="D31" s="19">
        <v>90</v>
      </c>
      <c r="E31" s="19">
        <v>80</v>
      </c>
      <c r="F31" s="19"/>
      <c r="G31" s="18" t="s">
        <v>60</v>
      </c>
      <c r="H31" s="17"/>
      <c r="I31" s="13">
        <v>277</v>
      </c>
      <c r="J31" s="19">
        <v>144</v>
      </c>
      <c r="K31" s="19">
        <v>133</v>
      </c>
    </row>
    <row r="32" spans="1:11" ht="15" customHeight="1">
      <c r="A32" s="17" t="s">
        <v>61</v>
      </c>
      <c r="B32" s="17"/>
      <c r="C32" s="13">
        <v>157</v>
      </c>
      <c r="D32" s="19">
        <v>76</v>
      </c>
      <c r="E32" s="19">
        <v>81</v>
      </c>
      <c r="F32" s="19"/>
      <c r="G32" s="18" t="s">
        <v>62</v>
      </c>
      <c r="H32" s="17"/>
      <c r="I32" s="13">
        <v>251</v>
      </c>
      <c r="J32" s="19">
        <v>119</v>
      </c>
      <c r="K32" s="19">
        <v>132</v>
      </c>
    </row>
    <row r="33" spans="1:11" ht="15" customHeight="1">
      <c r="A33" s="17" t="s">
        <v>63</v>
      </c>
      <c r="B33" s="17"/>
      <c r="C33" s="13">
        <v>122</v>
      </c>
      <c r="D33" s="19">
        <v>56</v>
      </c>
      <c r="E33" s="19">
        <v>66</v>
      </c>
      <c r="F33" s="19"/>
      <c r="G33" s="18" t="s">
        <v>64</v>
      </c>
      <c r="H33" s="17"/>
      <c r="I33" s="13">
        <v>235</v>
      </c>
      <c r="J33" s="19">
        <v>104</v>
      </c>
      <c r="K33" s="19">
        <v>131</v>
      </c>
    </row>
    <row r="34" spans="1:11" ht="15" customHeight="1">
      <c r="A34" s="17" t="s">
        <v>65</v>
      </c>
      <c r="B34" s="17"/>
      <c r="C34" s="13">
        <v>172</v>
      </c>
      <c r="D34" s="19">
        <v>94</v>
      </c>
      <c r="E34" s="19">
        <v>78</v>
      </c>
      <c r="F34" s="19"/>
      <c r="G34" s="18" t="s">
        <v>66</v>
      </c>
      <c r="H34" s="17"/>
      <c r="I34" s="13">
        <v>183</v>
      </c>
      <c r="J34" s="19">
        <v>80</v>
      </c>
      <c r="K34" s="19">
        <v>103</v>
      </c>
    </row>
    <row r="35" spans="1:11" ht="20.100000000000001" customHeight="1">
      <c r="A35" s="17" t="s">
        <v>67</v>
      </c>
      <c r="B35" s="17"/>
      <c r="C35" s="13">
        <v>766</v>
      </c>
      <c r="D35" s="14">
        <v>395</v>
      </c>
      <c r="E35" s="14">
        <v>371</v>
      </c>
      <c r="F35" s="14"/>
      <c r="G35" s="18" t="s">
        <v>68</v>
      </c>
      <c r="H35" s="17"/>
      <c r="I35" s="13">
        <v>1018</v>
      </c>
      <c r="J35" s="14">
        <v>450</v>
      </c>
      <c r="K35" s="14">
        <v>568</v>
      </c>
    </row>
    <row r="36" spans="1:11" ht="15" customHeight="1">
      <c r="A36" s="17" t="s">
        <v>69</v>
      </c>
      <c r="B36" s="17"/>
      <c r="C36" s="13">
        <v>148</v>
      </c>
      <c r="D36" s="19">
        <v>76</v>
      </c>
      <c r="E36" s="19">
        <v>72</v>
      </c>
      <c r="F36" s="19"/>
      <c r="G36" s="18" t="s">
        <v>70</v>
      </c>
      <c r="H36" s="17"/>
      <c r="I36" s="13">
        <v>149</v>
      </c>
      <c r="J36" s="19">
        <v>66</v>
      </c>
      <c r="K36" s="19">
        <v>83</v>
      </c>
    </row>
    <row r="37" spans="1:11" ht="15" customHeight="1">
      <c r="A37" s="17" t="s">
        <v>71</v>
      </c>
      <c r="B37" s="17"/>
      <c r="C37" s="13">
        <v>144</v>
      </c>
      <c r="D37" s="19">
        <v>72</v>
      </c>
      <c r="E37" s="19">
        <v>72</v>
      </c>
      <c r="F37" s="19"/>
      <c r="G37" s="18" t="s">
        <v>72</v>
      </c>
      <c r="H37" s="17"/>
      <c r="I37" s="13">
        <v>219</v>
      </c>
      <c r="J37" s="19">
        <v>90</v>
      </c>
      <c r="K37" s="19">
        <v>129</v>
      </c>
    </row>
    <row r="38" spans="1:11" ht="15" customHeight="1">
      <c r="A38" s="17" t="s">
        <v>73</v>
      </c>
      <c r="B38" s="17"/>
      <c r="C38" s="13">
        <v>158</v>
      </c>
      <c r="D38" s="19">
        <v>81</v>
      </c>
      <c r="E38" s="19">
        <v>77</v>
      </c>
      <c r="F38" s="19"/>
      <c r="G38" s="18" t="s">
        <v>74</v>
      </c>
      <c r="H38" s="17"/>
      <c r="I38" s="13">
        <v>210</v>
      </c>
      <c r="J38" s="19">
        <v>92</v>
      </c>
      <c r="K38" s="19">
        <v>118</v>
      </c>
    </row>
    <row r="39" spans="1:11" ht="15" customHeight="1">
      <c r="A39" s="17" t="s">
        <v>75</v>
      </c>
      <c r="B39" s="17"/>
      <c r="C39" s="13">
        <v>149</v>
      </c>
      <c r="D39" s="19">
        <v>72</v>
      </c>
      <c r="E39" s="19">
        <v>77</v>
      </c>
      <c r="F39" s="19"/>
      <c r="G39" s="18" t="s">
        <v>76</v>
      </c>
      <c r="H39" s="17"/>
      <c r="I39" s="13">
        <v>213</v>
      </c>
      <c r="J39" s="19">
        <v>99</v>
      </c>
      <c r="K39" s="19">
        <v>114</v>
      </c>
    </row>
    <row r="40" spans="1:11" ht="15" customHeight="1">
      <c r="A40" s="17" t="s">
        <v>77</v>
      </c>
      <c r="B40" s="17"/>
      <c r="C40" s="13">
        <v>167</v>
      </c>
      <c r="D40" s="19">
        <v>94</v>
      </c>
      <c r="E40" s="19">
        <v>73</v>
      </c>
      <c r="F40" s="19"/>
      <c r="G40" s="18" t="s">
        <v>78</v>
      </c>
      <c r="H40" s="17"/>
      <c r="I40" s="13">
        <v>227</v>
      </c>
      <c r="J40" s="19">
        <v>103</v>
      </c>
      <c r="K40" s="19">
        <v>124</v>
      </c>
    </row>
    <row r="41" spans="1:11" ht="20.100000000000001" customHeight="1">
      <c r="A41" s="17" t="s">
        <v>79</v>
      </c>
      <c r="B41" s="17"/>
      <c r="C41" s="13">
        <v>912</v>
      </c>
      <c r="D41" s="14">
        <v>463</v>
      </c>
      <c r="E41" s="14">
        <v>449</v>
      </c>
      <c r="F41" s="14"/>
      <c r="G41" s="18" t="s">
        <v>80</v>
      </c>
      <c r="H41" s="17"/>
      <c r="I41" s="13">
        <v>768</v>
      </c>
      <c r="J41" s="14">
        <v>366</v>
      </c>
      <c r="K41" s="14">
        <v>402</v>
      </c>
    </row>
    <row r="42" spans="1:11" ht="15" customHeight="1">
      <c r="A42" s="17" t="s">
        <v>81</v>
      </c>
      <c r="B42" s="17"/>
      <c r="C42" s="13">
        <v>159</v>
      </c>
      <c r="D42" s="19">
        <v>78</v>
      </c>
      <c r="E42" s="19">
        <v>81</v>
      </c>
      <c r="F42" s="19"/>
      <c r="G42" s="18" t="s">
        <v>82</v>
      </c>
      <c r="H42" s="17"/>
      <c r="I42" s="13">
        <v>222</v>
      </c>
      <c r="J42" s="19">
        <v>108</v>
      </c>
      <c r="K42" s="19">
        <v>114</v>
      </c>
    </row>
    <row r="43" spans="1:11" ht="15" customHeight="1">
      <c r="A43" s="17" t="s">
        <v>83</v>
      </c>
      <c r="B43" s="17"/>
      <c r="C43" s="13">
        <v>179</v>
      </c>
      <c r="D43" s="19">
        <v>97</v>
      </c>
      <c r="E43" s="19">
        <v>82</v>
      </c>
      <c r="F43" s="19"/>
      <c r="G43" s="18" t="s">
        <v>84</v>
      </c>
      <c r="H43" s="17"/>
      <c r="I43" s="13">
        <v>143</v>
      </c>
      <c r="J43" s="19">
        <v>63</v>
      </c>
      <c r="K43" s="19">
        <v>80</v>
      </c>
    </row>
    <row r="44" spans="1:11" ht="15" customHeight="1">
      <c r="A44" s="17" t="s">
        <v>85</v>
      </c>
      <c r="B44" s="17"/>
      <c r="C44" s="13">
        <v>193</v>
      </c>
      <c r="D44" s="19">
        <v>98</v>
      </c>
      <c r="E44" s="19">
        <v>95</v>
      </c>
      <c r="F44" s="19"/>
      <c r="G44" s="18" t="s">
        <v>86</v>
      </c>
      <c r="H44" s="17"/>
      <c r="I44" s="13">
        <v>130</v>
      </c>
      <c r="J44" s="19">
        <v>70</v>
      </c>
      <c r="K44" s="19">
        <v>60</v>
      </c>
    </row>
    <row r="45" spans="1:11" ht="15" customHeight="1">
      <c r="A45" s="17" t="s">
        <v>87</v>
      </c>
      <c r="B45" s="17"/>
      <c r="C45" s="13">
        <v>194</v>
      </c>
      <c r="D45" s="19">
        <v>90</v>
      </c>
      <c r="E45" s="19">
        <v>104</v>
      </c>
      <c r="F45" s="19"/>
      <c r="G45" s="18" t="s">
        <v>88</v>
      </c>
      <c r="H45" s="17"/>
      <c r="I45" s="13">
        <v>136</v>
      </c>
      <c r="J45" s="19">
        <v>58</v>
      </c>
      <c r="K45" s="19">
        <v>78</v>
      </c>
    </row>
    <row r="46" spans="1:11" ht="15" customHeight="1">
      <c r="A46" s="17" t="s">
        <v>89</v>
      </c>
      <c r="B46" s="17"/>
      <c r="C46" s="13">
        <v>187</v>
      </c>
      <c r="D46" s="19">
        <v>100</v>
      </c>
      <c r="E46" s="19">
        <v>87</v>
      </c>
      <c r="F46" s="19"/>
      <c r="G46" s="18" t="s">
        <v>90</v>
      </c>
      <c r="H46" s="17"/>
      <c r="I46" s="13">
        <v>137</v>
      </c>
      <c r="J46" s="19">
        <v>67</v>
      </c>
      <c r="K46" s="19">
        <v>70</v>
      </c>
    </row>
    <row r="47" spans="1:11" ht="20.100000000000001" customHeight="1">
      <c r="A47" s="17" t="s">
        <v>91</v>
      </c>
      <c r="B47" s="17"/>
      <c r="C47" s="13">
        <v>1199</v>
      </c>
      <c r="D47" s="14">
        <v>590</v>
      </c>
      <c r="E47" s="14">
        <v>609</v>
      </c>
      <c r="F47" s="14"/>
      <c r="G47" s="18" t="s">
        <v>92</v>
      </c>
      <c r="H47" s="17"/>
      <c r="I47" s="13">
        <v>509</v>
      </c>
      <c r="J47" s="14">
        <v>191</v>
      </c>
      <c r="K47" s="14">
        <v>318</v>
      </c>
    </row>
    <row r="48" spans="1:11" ht="15" customHeight="1">
      <c r="A48" s="17" t="s">
        <v>93</v>
      </c>
      <c r="B48" s="17"/>
      <c r="C48" s="13">
        <v>203</v>
      </c>
      <c r="D48" s="19">
        <v>87</v>
      </c>
      <c r="E48" s="19">
        <v>116</v>
      </c>
      <c r="F48" s="19"/>
      <c r="G48" s="18" t="s">
        <v>94</v>
      </c>
      <c r="H48" s="17"/>
      <c r="I48" s="13">
        <v>118</v>
      </c>
      <c r="J48" s="19">
        <v>45</v>
      </c>
      <c r="K48" s="19">
        <v>73</v>
      </c>
    </row>
    <row r="49" spans="1:11" ht="15" customHeight="1">
      <c r="A49" s="17" t="s">
        <v>95</v>
      </c>
      <c r="B49" s="17"/>
      <c r="C49" s="13">
        <v>248</v>
      </c>
      <c r="D49" s="19">
        <v>132</v>
      </c>
      <c r="E49" s="19">
        <v>116</v>
      </c>
      <c r="F49" s="19"/>
      <c r="G49" s="18" t="s">
        <v>96</v>
      </c>
      <c r="H49" s="17"/>
      <c r="I49" s="13">
        <v>114</v>
      </c>
      <c r="J49" s="19">
        <v>47</v>
      </c>
      <c r="K49" s="19">
        <v>67</v>
      </c>
    </row>
    <row r="50" spans="1:11" ht="15" customHeight="1">
      <c r="A50" s="17" t="s">
        <v>97</v>
      </c>
      <c r="B50" s="17"/>
      <c r="C50" s="13">
        <v>219</v>
      </c>
      <c r="D50" s="19">
        <v>107</v>
      </c>
      <c r="E50" s="19">
        <v>112</v>
      </c>
      <c r="F50" s="19"/>
      <c r="G50" s="18" t="s">
        <v>98</v>
      </c>
      <c r="H50" s="17"/>
      <c r="I50" s="13">
        <v>96</v>
      </c>
      <c r="J50" s="19">
        <v>44</v>
      </c>
      <c r="K50" s="19">
        <v>52</v>
      </c>
    </row>
    <row r="51" spans="1:11" ht="15" customHeight="1">
      <c r="A51" s="17" t="s">
        <v>99</v>
      </c>
      <c r="B51" s="17"/>
      <c r="C51" s="13">
        <v>241</v>
      </c>
      <c r="D51" s="19">
        <v>116</v>
      </c>
      <c r="E51" s="19">
        <v>125</v>
      </c>
      <c r="F51" s="19"/>
      <c r="G51" s="18" t="s">
        <v>100</v>
      </c>
      <c r="H51" s="17"/>
      <c r="I51" s="13">
        <v>101</v>
      </c>
      <c r="J51" s="19">
        <v>28</v>
      </c>
      <c r="K51" s="19">
        <v>73</v>
      </c>
    </row>
    <row r="52" spans="1:11" ht="15" customHeight="1">
      <c r="A52" s="17" t="s">
        <v>101</v>
      </c>
      <c r="B52" s="17"/>
      <c r="C52" s="13">
        <v>288</v>
      </c>
      <c r="D52" s="19">
        <v>148</v>
      </c>
      <c r="E52" s="19">
        <v>140</v>
      </c>
      <c r="F52" s="19"/>
      <c r="G52" s="18" t="s">
        <v>102</v>
      </c>
      <c r="H52" s="17"/>
      <c r="I52" s="13">
        <v>80</v>
      </c>
      <c r="J52" s="19">
        <v>27</v>
      </c>
      <c r="K52" s="19">
        <v>53</v>
      </c>
    </row>
    <row r="53" spans="1:11" ht="20.100000000000001" customHeight="1">
      <c r="A53" s="17" t="s">
        <v>103</v>
      </c>
      <c r="B53" s="17"/>
      <c r="C53" s="13">
        <v>1313</v>
      </c>
      <c r="D53" s="14">
        <v>648</v>
      </c>
      <c r="E53" s="14">
        <v>665</v>
      </c>
      <c r="F53" s="14"/>
      <c r="G53" s="18" t="s">
        <v>104</v>
      </c>
      <c r="H53" s="17"/>
      <c r="I53" s="13">
        <v>242</v>
      </c>
      <c r="J53" s="14">
        <v>60</v>
      </c>
      <c r="K53" s="14">
        <v>182</v>
      </c>
    </row>
    <row r="54" spans="1:11" ht="15" customHeight="1">
      <c r="A54" s="17" t="s">
        <v>105</v>
      </c>
      <c r="B54" s="17"/>
      <c r="C54" s="13">
        <v>267</v>
      </c>
      <c r="D54" s="19">
        <v>127</v>
      </c>
      <c r="E54" s="19">
        <v>140</v>
      </c>
      <c r="F54" s="19"/>
      <c r="G54" s="18" t="s">
        <v>106</v>
      </c>
      <c r="H54" s="17"/>
      <c r="I54" s="13">
        <v>69</v>
      </c>
      <c r="J54" s="19">
        <v>21</v>
      </c>
      <c r="K54" s="19">
        <v>48</v>
      </c>
    </row>
    <row r="55" spans="1:11" ht="15" customHeight="1">
      <c r="A55" s="17" t="s">
        <v>107</v>
      </c>
      <c r="B55" s="17"/>
      <c r="C55" s="13">
        <v>237</v>
      </c>
      <c r="D55" s="19">
        <v>113</v>
      </c>
      <c r="E55" s="19">
        <v>124</v>
      </c>
      <c r="F55" s="19"/>
      <c r="G55" s="18" t="s">
        <v>108</v>
      </c>
      <c r="H55" s="17"/>
      <c r="I55" s="13">
        <v>54</v>
      </c>
      <c r="J55" s="19">
        <v>16</v>
      </c>
      <c r="K55" s="19">
        <v>38</v>
      </c>
    </row>
    <row r="56" spans="1:11" ht="15" customHeight="1">
      <c r="A56" s="17" t="s">
        <v>109</v>
      </c>
      <c r="B56" s="17"/>
      <c r="C56" s="13">
        <v>277</v>
      </c>
      <c r="D56" s="19">
        <v>162</v>
      </c>
      <c r="E56" s="19">
        <v>115</v>
      </c>
      <c r="F56" s="19"/>
      <c r="G56" s="18" t="s">
        <v>110</v>
      </c>
      <c r="H56" s="17"/>
      <c r="I56" s="13">
        <v>49</v>
      </c>
      <c r="J56" s="19">
        <v>10</v>
      </c>
      <c r="K56" s="19">
        <v>39</v>
      </c>
    </row>
    <row r="57" spans="1:11" ht="15" customHeight="1">
      <c r="A57" s="17" t="s">
        <v>111</v>
      </c>
      <c r="B57" s="17"/>
      <c r="C57" s="13">
        <v>272</v>
      </c>
      <c r="D57" s="19">
        <v>134</v>
      </c>
      <c r="E57" s="19">
        <v>138</v>
      </c>
      <c r="F57" s="19"/>
      <c r="G57" s="18" t="s">
        <v>112</v>
      </c>
      <c r="H57" s="17"/>
      <c r="I57" s="13">
        <v>42</v>
      </c>
      <c r="J57" s="19">
        <v>8</v>
      </c>
      <c r="K57" s="19">
        <v>34</v>
      </c>
    </row>
    <row r="58" spans="1:11" ht="15" customHeight="1">
      <c r="A58" s="17" t="s">
        <v>113</v>
      </c>
      <c r="B58" s="17"/>
      <c r="C58" s="13">
        <v>260</v>
      </c>
      <c r="D58" s="19">
        <v>112</v>
      </c>
      <c r="E58" s="19">
        <v>148</v>
      </c>
      <c r="F58" s="19"/>
      <c r="G58" s="18" t="s">
        <v>114</v>
      </c>
      <c r="H58" s="17"/>
      <c r="I58" s="13">
        <v>28</v>
      </c>
      <c r="J58" s="19">
        <v>5</v>
      </c>
      <c r="K58" s="19">
        <v>23</v>
      </c>
    </row>
    <row r="59" spans="1:11" ht="20.100000000000001" customHeight="1">
      <c r="A59" s="17" t="s">
        <v>115</v>
      </c>
      <c r="B59" s="17"/>
      <c r="C59" s="13">
        <v>1594</v>
      </c>
      <c r="D59" s="14">
        <v>822</v>
      </c>
      <c r="E59" s="14">
        <v>772</v>
      </c>
      <c r="F59" s="14"/>
      <c r="G59" s="18" t="s">
        <v>116</v>
      </c>
      <c r="H59" s="17"/>
      <c r="I59" s="13">
        <v>61</v>
      </c>
      <c r="J59" s="14">
        <v>7</v>
      </c>
      <c r="K59" s="14">
        <v>54</v>
      </c>
    </row>
    <row r="60" spans="1:11" ht="15" customHeight="1">
      <c r="A60" s="17" t="s">
        <v>117</v>
      </c>
      <c r="B60" s="17"/>
      <c r="C60" s="13">
        <v>317</v>
      </c>
      <c r="D60" s="19">
        <v>165</v>
      </c>
      <c r="E60" s="19">
        <v>152</v>
      </c>
      <c r="F60" s="19"/>
      <c r="G60" s="18" t="s">
        <v>118</v>
      </c>
      <c r="H60" s="17"/>
      <c r="I60" s="13">
        <v>18</v>
      </c>
      <c r="J60" s="19">
        <v>1</v>
      </c>
      <c r="K60" s="19">
        <v>17</v>
      </c>
    </row>
    <row r="61" spans="1:11" ht="15" customHeight="1">
      <c r="A61" s="17" t="s">
        <v>119</v>
      </c>
      <c r="B61" s="17"/>
      <c r="C61" s="13">
        <v>316</v>
      </c>
      <c r="D61" s="19">
        <v>159</v>
      </c>
      <c r="E61" s="19">
        <v>157</v>
      </c>
      <c r="F61" s="19"/>
      <c r="G61" s="18" t="s">
        <v>120</v>
      </c>
      <c r="H61" s="17"/>
      <c r="I61" s="13">
        <v>14</v>
      </c>
      <c r="J61" s="19">
        <v>2</v>
      </c>
      <c r="K61" s="19">
        <v>12</v>
      </c>
    </row>
    <row r="62" spans="1:11" ht="15" customHeight="1">
      <c r="A62" s="17" t="s">
        <v>121</v>
      </c>
      <c r="B62" s="17"/>
      <c r="C62" s="13">
        <v>352</v>
      </c>
      <c r="D62" s="19">
        <v>184</v>
      </c>
      <c r="E62" s="19">
        <v>168</v>
      </c>
      <c r="F62" s="19"/>
      <c r="G62" s="18" t="s">
        <v>122</v>
      </c>
      <c r="H62" s="17"/>
      <c r="I62" s="13">
        <v>9</v>
      </c>
      <c r="J62" s="19">
        <v>2</v>
      </c>
      <c r="K62" s="19">
        <v>7</v>
      </c>
    </row>
    <row r="63" spans="1:11" ht="15" customHeight="1">
      <c r="A63" s="17" t="s">
        <v>123</v>
      </c>
      <c r="B63" s="17"/>
      <c r="C63" s="13">
        <v>301</v>
      </c>
      <c r="D63" s="19">
        <v>152</v>
      </c>
      <c r="E63" s="19">
        <v>149</v>
      </c>
      <c r="F63" s="19"/>
      <c r="G63" s="18" t="s">
        <v>124</v>
      </c>
      <c r="H63" s="17"/>
      <c r="I63" s="13">
        <v>13</v>
      </c>
      <c r="J63" s="19">
        <v>2</v>
      </c>
      <c r="K63" s="19">
        <v>11</v>
      </c>
    </row>
    <row r="64" spans="1:11" ht="15" customHeight="1">
      <c r="A64" s="17" t="s">
        <v>125</v>
      </c>
      <c r="B64" s="17"/>
      <c r="C64" s="13">
        <v>308</v>
      </c>
      <c r="D64" s="19">
        <v>162</v>
      </c>
      <c r="E64" s="19">
        <v>146</v>
      </c>
      <c r="F64" s="19"/>
      <c r="G64" s="18" t="s">
        <v>126</v>
      </c>
      <c r="H64" s="17"/>
      <c r="I64" s="13">
        <v>7</v>
      </c>
      <c r="J64" s="19">
        <v>0</v>
      </c>
      <c r="K64" s="19">
        <v>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6</v>
      </c>
      <c r="J65" s="19">
        <v>3</v>
      </c>
      <c r="K65" s="19">
        <v>1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8</v>
      </c>
      <c r="J66" s="29">
        <v>21</v>
      </c>
      <c r="K66" s="29">
        <v>27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1245</v>
      </c>
      <c r="D4" s="14">
        <v>5418</v>
      </c>
      <c r="E4" s="14">
        <v>582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66</v>
      </c>
      <c r="D5" s="14">
        <v>91</v>
      </c>
      <c r="E5" s="14">
        <v>75</v>
      </c>
      <c r="F5" s="14"/>
      <c r="G5" s="18" t="s">
        <v>8</v>
      </c>
      <c r="H5" s="17"/>
      <c r="I5" s="13">
        <v>635</v>
      </c>
      <c r="J5" s="14">
        <v>339</v>
      </c>
      <c r="K5" s="14">
        <v>296</v>
      </c>
    </row>
    <row r="6" spans="1:11" ht="15" customHeight="1">
      <c r="A6" s="17" t="s">
        <v>9</v>
      </c>
      <c r="B6" s="17"/>
      <c r="C6" s="13">
        <v>31</v>
      </c>
      <c r="D6" s="19">
        <v>16</v>
      </c>
      <c r="E6" s="19">
        <v>15</v>
      </c>
      <c r="F6" s="19"/>
      <c r="G6" s="18" t="s">
        <v>10</v>
      </c>
      <c r="H6" s="17"/>
      <c r="I6" s="13">
        <v>134</v>
      </c>
      <c r="J6" s="19">
        <v>74</v>
      </c>
      <c r="K6" s="19">
        <v>60</v>
      </c>
    </row>
    <row r="7" spans="1:11" ht="15" customHeight="1">
      <c r="A7" s="17" t="s">
        <v>11</v>
      </c>
      <c r="B7" s="17"/>
      <c r="C7" s="13">
        <v>29</v>
      </c>
      <c r="D7" s="19">
        <v>22</v>
      </c>
      <c r="E7" s="19">
        <v>7</v>
      </c>
      <c r="F7" s="19"/>
      <c r="G7" s="18" t="s">
        <v>12</v>
      </c>
      <c r="H7" s="17"/>
      <c r="I7" s="13">
        <v>143</v>
      </c>
      <c r="J7" s="19">
        <v>81</v>
      </c>
      <c r="K7" s="19">
        <v>62</v>
      </c>
    </row>
    <row r="8" spans="1:11" ht="15" customHeight="1">
      <c r="A8" s="17" t="s">
        <v>13</v>
      </c>
      <c r="B8" s="17"/>
      <c r="C8" s="13">
        <v>30</v>
      </c>
      <c r="D8" s="19">
        <v>16</v>
      </c>
      <c r="E8" s="19">
        <v>14</v>
      </c>
      <c r="F8" s="19"/>
      <c r="G8" s="18" t="s">
        <v>14</v>
      </c>
      <c r="H8" s="17"/>
      <c r="I8" s="13">
        <v>128</v>
      </c>
      <c r="J8" s="19">
        <v>65</v>
      </c>
      <c r="K8" s="19">
        <v>63</v>
      </c>
    </row>
    <row r="9" spans="1:11" ht="15" customHeight="1">
      <c r="A9" s="17" t="s">
        <v>15</v>
      </c>
      <c r="B9" s="17"/>
      <c r="C9" s="13">
        <v>36</v>
      </c>
      <c r="D9" s="19">
        <v>17</v>
      </c>
      <c r="E9" s="19">
        <v>19</v>
      </c>
      <c r="F9" s="19"/>
      <c r="G9" s="18" t="s">
        <v>16</v>
      </c>
      <c r="H9" s="17"/>
      <c r="I9" s="13">
        <v>134</v>
      </c>
      <c r="J9" s="19">
        <v>66</v>
      </c>
      <c r="K9" s="19">
        <v>68</v>
      </c>
    </row>
    <row r="10" spans="1:11" ht="15" customHeight="1">
      <c r="A10" s="17" t="s">
        <v>17</v>
      </c>
      <c r="B10" s="17"/>
      <c r="C10" s="13">
        <v>40</v>
      </c>
      <c r="D10" s="19">
        <v>20</v>
      </c>
      <c r="E10" s="19">
        <v>20</v>
      </c>
      <c r="F10" s="19"/>
      <c r="G10" s="18" t="s">
        <v>18</v>
      </c>
      <c r="H10" s="17"/>
      <c r="I10" s="13">
        <v>96</v>
      </c>
      <c r="J10" s="19">
        <v>53</v>
      </c>
      <c r="K10" s="19">
        <v>43</v>
      </c>
    </row>
    <row r="11" spans="1:11" ht="20.100000000000001" customHeight="1">
      <c r="A11" s="17" t="s">
        <v>19</v>
      </c>
      <c r="B11" s="17"/>
      <c r="C11" s="13">
        <v>228</v>
      </c>
      <c r="D11" s="14">
        <v>108</v>
      </c>
      <c r="E11" s="14">
        <v>120</v>
      </c>
      <c r="F11" s="14"/>
      <c r="G11" s="18" t="s">
        <v>20</v>
      </c>
      <c r="H11" s="17"/>
      <c r="I11" s="13">
        <v>687</v>
      </c>
      <c r="J11" s="14">
        <v>356</v>
      </c>
      <c r="K11" s="14">
        <v>331</v>
      </c>
    </row>
    <row r="12" spans="1:11" ht="15" customHeight="1">
      <c r="A12" s="17" t="s">
        <v>21</v>
      </c>
      <c r="B12" s="17"/>
      <c r="C12" s="13">
        <v>47</v>
      </c>
      <c r="D12" s="19">
        <v>19</v>
      </c>
      <c r="E12" s="19">
        <v>28</v>
      </c>
      <c r="F12" s="19"/>
      <c r="G12" s="18" t="s">
        <v>22</v>
      </c>
      <c r="H12" s="17"/>
      <c r="I12" s="13">
        <v>148</v>
      </c>
      <c r="J12" s="19">
        <v>75</v>
      </c>
      <c r="K12" s="19">
        <v>73</v>
      </c>
    </row>
    <row r="13" spans="1:11" ht="15" customHeight="1">
      <c r="A13" s="17" t="s">
        <v>23</v>
      </c>
      <c r="B13" s="17"/>
      <c r="C13" s="13">
        <v>38</v>
      </c>
      <c r="D13" s="19">
        <v>20</v>
      </c>
      <c r="E13" s="19">
        <v>18</v>
      </c>
      <c r="F13" s="19"/>
      <c r="G13" s="18" t="s">
        <v>24</v>
      </c>
      <c r="H13" s="17"/>
      <c r="I13" s="13">
        <v>133</v>
      </c>
      <c r="J13" s="19">
        <v>65</v>
      </c>
      <c r="K13" s="19">
        <v>68</v>
      </c>
    </row>
    <row r="14" spans="1:11" ht="15" customHeight="1">
      <c r="A14" s="17" t="s">
        <v>25</v>
      </c>
      <c r="B14" s="17"/>
      <c r="C14" s="13">
        <v>39</v>
      </c>
      <c r="D14" s="19">
        <v>21</v>
      </c>
      <c r="E14" s="19">
        <v>18</v>
      </c>
      <c r="F14" s="19"/>
      <c r="G14" s="18" t="s">
        <v>26</v>
      </c>
      <c r="H14" s="17"/>
      <c r="I14" s="13">
        <v>148</v>
      </c>
      <c r="J14" s="19">
        <v>76</v>
      </c>
      <c r="K14" s="19">
        <v>72</v>
      </c>
    </row>
    <row r="15" spans="1:11" ht="15" customHeight="1">
      <c r="A15" s="17" t="s">
        <v>27</v>
      </c>
      <c r="B15" s="17"/>
      <c r="C15" s="13">
        <v>50</v>
      </c>
      <c r="D15" s="19">
        <v>24</v>
      </c>
      <c r="E15" s="19">
        <v>26</v>
      </c>
      <c r="F15" s="19"/>
      <c r="G15" s="18" t="s">
        <v>28</v>
      </c>
      <c r="H15" s="17"/>
      <c r="I15" s="13">
        <v>126</v>
      </c>
      <c r="J15" s="19">
        <v>75</v>
      </c>
      <c r="K15" s="19">
        <v>51</v>
      </c>
    </row>
    <row r="16" spans="1:11" ht="15" customHeight="1">
      <c r="A16" s="17" t="s">
        <v>29</v>
      </c>
      <c r="B16" s="17"/>
      <c r="C16" s="13">
        <v>54</v>
      </c>
      <c r="D16" s="19">
        <v>24</v>
      </c>
      <c r="E16" s="19">
        <v>30</v>
      </c>
      <c r="F16" s="19"/>
      <c r="G16" s="18" t="s">
        <v>30</v>
      </c>
      <c r="H16" s="17"/>
      <c r="I16" s="13">
        <v>132</v>
      </c>
      <c r="J16" s="19">
        <v>65</v>
      </c>
      <c r="K16" s="19">
        <v>67</v>
      </c>
    </row>
    <row r="17" spans="1:11" ht="20.100000000000001" customHeight="1">
      <c r="A17" s="20" t="s">
        <v>31</v>
      </c>
      <c r="B17" s="20"/>
      <c r="C17" s="13">
        <v>291</v>
      </c>
      <c r="D17" s="14">
        <v>141</v>
      </c>
      <c r="E17" s="14">
        <v>150</v>
      </c>
      <c r="F17" s="14"/>
      <c r="G17" s="18" t="s">
        <v>32</v>
      </c>
      <c r="H17" s="17"/>
      <c r="I17" s="13">
        <v>744</v>
      </c>
      <c r="J17" s="14">
        <v>376</v>
      </c>
      <c r="K17" s="14">
        <v>368</v>
      </c>
    </row>
    <row r="18" spans="1:11" ht="15" customHeight="1">
      <c r="A18" s="17" t="s">
        <v>33</v>
      </c>
      <c r="B18" s="17"/>
      <c r="C18" s="13">
        <v>49</v>
      </c>
      <c r="D18" s="19">
        <v>25</v>
      </c>
      <c r="E18" s="19">
        <v>24</v>
      </c>
      <c r="F18" s="19"/>
      <c r="G18" s="18" t="s">
        <v>34</v>
      </c>
      <c r="H18" s="17"/>
      <c r="I18" s="13">
        <v>135</v>
      </c>
      <c r="J18" s="19">
        <v>75</v>
      </c>
      <c r="K18" s="19">
        <v>60</v>
      </c>
    </row>
    <row r="19" spans="1:11" ht="15" customHeight="1">
      <c r="A19" s="17" t="s">
        <v>35</v>
      </c>
      <c r="B19" s="17"/>
      <c r="C19" s="13">
        <v>55</v>
      </c>
      <c r="D19" s="19">
        <v>25</v>
      </c>
      <c r="E19" s="19">
        <v>30</v>
      </c>
      <c r="F19" s="19"/>
      <c r="G19" s="18" t="s">
        <v>36</v>
      </c>
      <c r="H19" s="17"/>
      <c r="I19" s="13">
        <v>143</v>
      </c>
      <c r="J19" s="19">
        <v>62</v>
      </c>
      <c r="K19" s="19">
        <v>81</v>
      </c>
    </row>
    <row r="20" spans="1:11" ht="15" customHeight="1">
      <c r="A20" s="17" t="s">
        <v>37</v>
      </c>
      <c r="B20" s="17"/>
      <c r="C20" s="13">
        <v>74</v>
      </c>
      <c r="D20" s="19">
        <v>30</v>
      </c>
      <c r="E20" s="19">
        <v>44</v>
      </c>
      <c r="F20" s="19"/>
      <c r="G20" s="18" t="s">
        <v>38</v>
      </c>
      <c r="H20" s="17"/>
      <c r="I20" s="13">
        <v>181</v>
      </c>
      <c r="J20" s="19">
        <v>93</v>
      </c>
      <c r="K20" s="19">
        <v>88</v>
      </c>
    </row>
    <row r="21" spans="1:11" ht="15" customHeight="1">
      <c r="A21" s="17" t="s">
        <v>39</v>
      </c>
      <c r="B21" s="17"/>
      <c r="C21" s="13">
        <v>48</v>
      </c>
      <c r="D21" s="19">
        <v>23</v>
      </c>
      <c r="E21" s="19">
        <v>25</v>
      </c>
      <c r="F21" s="19"/>
      <c r="G21" s="18" t="s">
        <v>40</v>
      </c>
      <c r="H21" s="17"/>
      <c r="I21" s="13">
        <v>140</v>
      </c>
      <c r="J21" s="19">
        <v>75</v>
      </c>
      <c r="K21" s="19">
        <v>65</v>
      </c>
    </row>
    <row r="22" spans="1:11" ht="15" customHeight="1">
      <c r="A22" s="17" t="s">
        <v>41</v>
      </c>
      <c r="B22" s="17"/>
      <c r="C22" s="13">
        <v>65</v>
      </c>
      <c r="D22" s="19">
        <v>38</v>
      </c>
      <c r="E22" s="19">
        <v>27</v>
      </c>
      <c r="F22" s="19"/>
      <c r="G22" s="18" t="s">
        <v>42</v>
      </c>
      <c r="H22" s="17"/>
      <c r="I22" s="13">
        <v>145</v>
      </c>
      <c r="J22" s="19">
        <v>71</v>
      </c>
      <c r="K22" s="19">
        <v>74</v>
      </c>
    </row>
    <row r="23" spans="1:11" ht="20.100000000000001" customHeight="1">
      <c r="A23" s="17" t="s">
        <v>43</v>
      </c>
      <c r="B23" s="17"/>
      <c r="C23" s="13">
        <v>382</v>
      </c>
      <c r="D23" s="14">
        <v>179</v>
      </c>
      <c r="E23" s="14">
        <v>203</v>
      </c>
      <c r="F23" s="14"/>
      <c r="G23" s="18" t="s">
        <v>44</v>
      </c>
      <c r="H23" s="17"/>
      <c r="I23" s="13">
        <v>864</v>
      </c>
      <c r="J23" s="14">
        <v>444</v>
      </c>
      <c r="K23" s="14">
        <v>420</v>
      </c>
    </row>
    <row r="24" spans="1:11" ht="15" customHeight="1">
      <c r="A24" s="17" t="s">
        <v>45</v>
      </c>
      <c r="B24" s="17"/>
      <c r="C24" s="13">
        <v>64</v>
      </c>
      <c r="D24" s="19">
        <v>34</v>
      </c>
      <c r="E24" s="19">
        <v>30</v>
      </c>
      <c r="F24" s="19"/>
      <c r="G24" s="18" t="s">
        <v>46</v>
      </c>
      <c r="H24" s="17"/>
      <c r="I24" s="13">
        <v>183</v>
      </c>
      <c r="J24" s="19">
        <v>92</v>
      </c>
      <c r="K24" s="19">
        <v>91</v>
      </c>
    </row>
    <row r="25" spans="1:11" ht="15" customHeight="1">
      <c r="A25" s="17" t="s">
        <v>47</v>
      </c>
      <c r="B25" s="17"/>
      <c r="C25" s="13">
        <v>59</v>
      </c>
      <c r="D25" s="19">
        <v>28</v>
      </c>
      <c r="E25" s="19">
        <v>31</v>
      </c>
      <c r="F25" s="19"/>
      <c r="G25" s="18" t="s">
        <v>48</v>
      </c>
      <c r="H25" s="17"/>
      <c r="I25" s="13">
        <v>161</v>
      </c>
      <c r="J25" s="19">
        <v>94</v>
      </c>
      <c r="K25" s="19">
        <v>67</v>
      </c>
    </row>
    <row r="26" spans="1:11" ht="15" customHeight="1">
      <c r="A26" s="17" t="s">
        <v>49</v>
      </c>
      <c r="B26" s="17"/>
      <c r="C26" s="13">
        <v>65</v>
      </c>
      <c r="D26" s="19">
        <v>32</v>
      </c>
      <c r="E26" s="19">
        <v>33</v>
      </c>
      <c r="F26" s="19"/>
      <c r="G26" s="18" t="s">
        <v>50</v>
      </c>
      <c r="H26" s="17"/>
      <c r="I26" s="13">
        <v>174</v>
      </c>
      <c r="J26" s="19">
        <v>82</v>
      </c>
      <c r="K26" s="19">
        <v>92</v>
      </c>
    </row>
    <row r="27" spans="1:11" ht="15" customHeight="1">
      <c r="A27" s="17" t="s">
        <v>51</v>
      </c>
      <c r="B27" s="17"/>
      <c r="C27" s="13">
        <v>72</v>
      </c>
      <c r="D27" s="19">
        <v>31</v>
      </c>
      <c r="E27" s="19">
        <v>41</v>
      </c>
      <c r="F27" s="19"/>
      <c r="G27" s="18" t="s">
        <v>52</v>
      </c>
      <c r="H27" s="17"/>
      <c r="I27" s="13">
        <v>154</v>
      </c>
      <c r="J27" s="19">
        <v>83</v>
      </c>
      <c r="K27" s="19">
        <v>71</v>
      </c>
    </row>
    <row r="28" spans="1:11" ht="15" customHeight="1">
      <c r="A28" s="17" t="s">
        <v>53</v>
      </c>
      <c r="B28" s="17"/>
      <c r="C28" s="13">
        <v>122</v>
      </c>
      <c r="D28" s="19">
        <v>54</v>
      </c>
      <c r="E28" s="19">
        <v>68</v>
      </c>
      <c r="F28" s="19"/>
      <c r="G28" s="18" t="s">
        <v>54</v>
      </c>
      <c r="H28" s="17"/>
      <c r="I28" s="13">
        <v>192</v>
      </c>
      <c r="J28" s="19">
        <v>93</v>
      </c>
      <c r="K28" s="19">
        <v>99</v>
      </c>
    </row>
    <row r="29" spans="1:11" ht="20.100000000000001" customHeight="1">
      <c r="A29" s="17" t="s">
        <v>55</v>
      </c>
      <c r="B29" s="17"/>
      <c r="C29" s="13">
        <v>862</v>
      </c>
      <c r="D29" s="14">
        <v>358</v>
      </c>
      <c r="E29" s="14">
        <v>504</v>
      </c>
      <c r="F29" s="14"/>
      <c r="G29" s="18" t="s">
        <v>56</v>
      </c>
      <c r="H29" s="17"/>
      <c r="I29" s="13">
        <v>1070</v>
      </c>
      <c r="J29" s="14">
        <v>488</v>
      </c>
      <c r="K29" s="14">
        <v>582</v>
      </c>
    </row>
    <row r="30" spans="1:11" ht="15" customHeight="1">
      <c r="A30" s="17" t="s">
        <v>57</v>
      </c>
      <c r="B30" s="17"/>
      <c r="C30" s="13">
        <v>133</v>
      </c>
      <c r="D30" s="19">
        <v>51</v>
      </c>
      <c r="E30" s="19">
        <v>82</v>
      </c>
      <c r="F30" s="19"/>
      <c r="G30" s="18" t="s">
        <v>58</v>
      </c>
      <c r="H30" s="17"/>
      <c r="I30" s="13">
        <v>208</v>
      </c>
      <c r="J30" s="19">
        <v>94</v>
      </c>
      <c r="K30" s="19">
        <v>114</v>
      </c>
    </row>
    <row r="31" spans="1:11" ht="15" customHeight="1">
      <c r="A31" s="17" t="s">
        <v>59</v>
      </c>
      <c r="B31" s="17"/>
      <c r="C31" s="13">
        <v>203</v>
      </c>
      <c r="D31" s="19">
        <v>84</v>
      </c>
      <c r="E31" s="19">
        <v>119</v>
      </c>
      <c r="F31" s="19"/>
      <c r="G31" s="18" t="s">
        <v>60</v>
      </c>
      <c r="H31" s="17"/>
      <c r="I31" s="13">
        <v>246</v>
      </c>
      <c r="J31" s="19">
        <v>110</v>
      </c>
      <c r="K31" s="19">
        <v>136</v>
      </c>
    </row>
    <row r="32" spans="1:11" ht="15" customHeight="1">
      <c r="A32" s="17" t="s">
        <v>61</v>
      </c>
      <c r="B32" s="17"/>
      <c r="C32" s="13">
        <v>149</v>
      </c>
      <c r="D32" s="19">
        <v>61</v>
      </c>
      <c r="E32" s="19">
        <v>88</v>
      </c>
      <c r="F32" s="19"/>
      <c r="G32" s="18" t="s">
        <v>62</v>
      </c>
      <c r="H32" s="17"/>
      <c r="I32" s="13">
        <v>216</v>
      </c>
      <c r="J32" s="19">
        <v>103</v>
      </c>
      <c r="K32" s="19">
        <v>113</v>
      </c>
    </row>
    <row r="33" spans="1:11" ht="15" customHeight="1">
      <c r="A33" s="17" t="s">
        <v>63</v>
      </c>
      <c r="B33" s="17"/>
      <c r="C33" s="13">
        <v>209</v>
      </c>
      <c r="D33" s="19">
        <v>93</v>
      </c>
      <c r="E33" s="19">
        <v>116</v>
      </c>
      <c r="F33" s="19"/>
      <c r="G33" s="18" t="s">
        <v>64</v>
      </c>
      <c r="H33" s="17"/>
      <c r="I33" s="13">
        <v>246</v>
      </c>
      <c r="J33" s="19">
        <v>106</v>
      </c>
      <c r="K33" s="19">
        <v>140</v>
      </c>
    </row>
    <row r="34" spans="1:11" ht="15" customHeight="1">
      <c r="A34" s="17" t="s">
        <v>65</v>
      </c>
      <c r="B34" s="17"/>
      <c r="C34" s="13">
        <v>168</v>
      </c>
      <c r="D34" s="19">
        <v>69</v>
      </c>
      <c r="E34" s="19">
        <v>99</v>
      </c>
      <c r="F34" s="19"/>
      <c r="G34" s="18" t="s">
        <v>66</v>
      </c>
      <c r="H34" s="17"/>
      <c r="I34" s="13">
        <v>154</v>
      </c>
      <c r="J34" s="19">
        <v>75</v>
      </c>
      <c r="K34" s="19">
        <v>79</v>
      </c>
    </row>
    <row r="35" spans="1:11" ht="20.100000000000001" customHeight="1">
      <c r="A35" s="17" t="s">
        <v>67</v>
      </c>
      <c r="B35" s="17"/>
      <c r="C35" s="13">
        <v>645</v>
      </c>
      <c r="D35" s="14">
        <v>347</v>
      </c>
      <c r="E35" s="14">
        <v>298</v>
      </c>
      <c r="F35" s="14"/>
      <c r="G35" s="18" t="s">
        <v>68</v>
      </c>
      <c r="H35" s="17"/>
      <c r="I35" s="13">
        <v>854</v>
      </c>
      <c r="J35" s="14">
        <v>378</v>
      </c>
      <c r="K35" s="14">
        <v>476</v>
      </c>
    </row>
    <row r="36" spans="1:11" ht="15" customHeight="1">
      <c r="A36" s="17" t="s">
        <v>69</v>
      </c>
      <c r="B36" s="17"/>
      <c r="C36" s="13">
        <v>161</v>
      </c>
      <c r="D36" s="19">
        <v>79</v>
      </c>
      <c r="E36" s="19">
        <v>82</v>
      </c>
      <c r="F36" s="19"/>
      <c r="G36" s="18" t="s">
        <v>70</v>
      </c>
      <c r="H36" s="17"/>
      <c r="I36" s="13">
        <v>173</v>
      </c>
      <c r="J36" s="19">
        <v>81</v>
      </c>
      <c r="K36" s="19">
        <v>92</v>
      </c>
    </row>
    <row r="37" spans="1:11" ht="15" customHeight="1">
      <c r="A37" s="17" t="s">
        <v>71</v>
      </c>
      <c r="B37" s="17"/>
      <c r="C37" s="13">
        <v>138</v>
      </c>
      <c r="D37" s="19">
        <v>72</v>
      </c>
      <c r="E37" s="19">
        <v>66</v>
      </c>
      <c r="F37" s="19"/>
      <c r="G37" s="18" t="s">
        <v>72</v>
      </c>
      <c r="H37" s="17"/>
      <c r="I37" s="13">
        <v>178</v>
      </c>
      <c r="J37" s="19">
        <v>78</v>
      </c>
      <c r="K37" s="19">
        <v>100</v>
      </c>
    </row>
    <row r="38" spans="1:11" ht="15" customHeight="1">
      <c r="A38" s="17" t="s">
        <v>73</v>
      </c>
      <c r="B38" s="17"/>
      <c r="C38" s="13">
        <v>125</v>
      </c>
      <c r="D38" s="19">
        <v>76</v>
      </c>
      <c r="E38" s="19">
        <v>49</v>
      </c>
      <c r="F38" s="19"/>
      <c r="G38" s="18" t="s">
        <v>74</v>
      </c>
      <c r="H38" s="17"/>
      <c r="I38" s="13">
        <v>165</v>
      </c>
      <c r="J38" s="19">
        <v>66</v>
      </c>
      <c r="K38" s="19">
        <v>99</v>
      </c>
    </row>
    <row r="39" spans="1:11" ht="15" customHeight="1">
      <c r="A39" s="17" t="s">
        <v>75</v>
      </c>
      <c r="B39" s="17"/>
      <c r="C39" s="13">
        <v>129</v>
      </c>
      <c r="D39" s="19">
        <v>74</v>
      </c>
      <c r="E39" s="19">
        <v>55</v>
      </c>
      <c r="F39" s="19"/>
      <c r="G39" s="18" t="s">
        <v>76</v>
      </c>
      <c r="H39" s="17"/>
      <c r="I39" s="13">
        <v>174</v>
      </c>
      <c r="J39" s="19">
        <v>79</v>
      </c>
      <c r="K39" s="19">
        <v>95</v>
      </c>
    </row>
    <row r="40" spans="1:11" ht="15" customHeight="1">
      <c r="A40" s="17" t="s">
        <v>77</v>
      </c>
      <c r="B40" s="17"/>
      <c r="C40" s="13">
        <v>92</v>
      </c>
      <c r="D40" s="19">
        <v>46</v>
      </c>
      <c r="E40" s="19">
        <v>46</v>
      </c>
      <c r="F40" s="19"/>
      <c r="G40" s="18" t="s">
        <v>78</v>
      </c>
      <c r="H40" s="17"/>
      <c r="I40" s="13">
        <v>164</v>
      </c>
      <c r="J40" s="19">
        <v>74</v>
      </c>
      <c r="K40" s="19">
        <v>90</v>
      </c>
    </row>
    <row r="41" spans="1:11" ht="20.100000000000001" customHeight="1">
      <c r="A41" s="17" t="s">
        <v>79</v>
      </c>
      <c r="B41" s="17"/>
      <c r="C41" s="13">
        <v>463</v>
      </c>
      <c r="D41" s="14">
        <v>244</v>
      </c>
      <c r="E41" s="14">
        <v>219</v>
      </c>
      <c r="F41" s="14"/>
      <c r="G41" s="18" t="s">
        <v>80</v>
      </c>
      <c r="H41" s="17"/>
      <c r="I41" s="13">
        <v>629</v>
      </c>
      <c r="J41" s="14">
        <v>253</v>
      </c>
      <c r="K41" s="14">
        <v>376</v>
      </c>
    </row>
    <row r="42" spans="1:11" ht="15" customHeight="1">
      <c r="A42" s="17" t="s">
        <v>81</v>
      </c>
      <c r="B42" s="17"/>
      <c r="C42" s="13">
        <v>89</v>
      </c>
      <c r="D42" s="19">
        <v>47</v>
      </c>
      <c r="E42" s="19">
        <v>42</v>
      </c>
      <c r="F42" s="19"/>
      <c r="G42" s="18" t="s">
        <v>82</v>
      </c>
      <c r="H42" s="17"/>
      <c r="I42" s="13">
        <v>157</v>
      </c>
      <c r="J42" s="19">
        <v>78</v>
      </c>
      <c r="K42" s="19">
        <v>79</v>
      </c>
    </row>
    <row r="43" spans="1:11" ht="15" customHeight="1">
      <c r="A43" s="17" t="s">
        <v>83</v>
      </c>
      <c r="B43" s="17"/>
      <c r="C43" s="13">
        <v>88</v>
      </c>
      <c r="D43" s="19">
        <v>43</v>
      </c>
      <c r="E43" s="19">
        <v>45</v>
      </c>
      <c r="F43" s="19"/>
      <c r="G43" s="18" t="s">
        <v>84</v>
      </c>
      <c r="H43" s="17"/>
      <c r="I43" s="13">
        <v>141</v>
      </c>
      <c r="J43" s="19">
        <v>48</v>
      </c>
      <c r="K43" s="19">
        <v>93</v>
      </c>
    </row>
    <row r="44" spans="1:11" ht="15" customHeight="1">
      <c r="A44" s="17" t="s">
        <v>85</v>
      </c>
      <c r="B44" s="17"/>
      <c r="C44" s="13">
        <v>95</v>
      </c>
      <c r="D44" s="19">
        <v>47</v>
      </c>
      <c r="E44" s="19">
        <v>48</v>
      </c>
      <c r="F44" s="19"/>
      <c r="G44" s="18" t="s">
        <v>86</v>
      </c>
      <c r="H44" s="17"/>
      <c r="I44" s="13">
        <v>123</v>
      </c>
      <c r="J44" s="19">
        <v>51</v>
      </c>
      <c r="K44" s="19">
        <v>72</v>
      </c>
    </row>
    <row r="45" spans="1:11" ht="15" customHeight="1">
      <c r="A45" s="17" t="s">
        <v>87</v>
      </c>
      <c r="B45" s="17"/>
      <c r="C45" s="13">
        <v>95</v>
      </c>
      <c r="D45" s="19">
        <v>58</v>
      </c>
      <c r="E45" s="19">
        <v>37</v>
      </c>
      <c r="F45" s="19"/>
      <c r="G45" s="18" t="s">
        <v>88</v>
      </c>
      <c r="H45" s="17"/>
      <c r="I45" s="13">
        <v>100</v>
      </c>
      <c r="J45" s="19">
        <v>36</v>
      </c>
      <c r="K45" s="19">
        <v>64</v>
      </c>
    </row>
    <row r="46" spans="1:11" ht="15" customHeight="1">
      <c r="A46" s="17" t="s">
        <v>89</v>
      </c>
      <c r="B46" s="17"/>
      <c r="C46" s="13">
        <v>96</v>
      </c>
      <c r="D46" s="19">
        <v>49</v>
      </c>
      <c r="E46" s="19">
        <v>47</v>
      </c>
      <c r="F46" s="19"/>
      <c r="G46" s="18" t="s">
        <v>90</v>
      </c>
      <c r="H46" s="17"/>
      <c r="I46" s="13">
        <v>108</v>
      </c>
      <c r="J46" s="19">
        <v>40</v>
      </c>
      <c r="K46" s="19">
        <v>68</v>
      </c>
    </row>
    <row r="47" spans="1:11" ht="20.100000000000001" customHeight="1">
      <c r="A47" s="17" t="s">
        <v>91</v>
      </c>
      <c r="B47" s="17"/>
      <c r="C47" s="13">
        <v>414</v>
      </c>
      <c r="D47" s="14">
        <v>233</v>
      </c>
      <c r="E47" s="14">
        <v>181</v>
      </c>
      <c r="F47" s="14"/>
      <c r="G47" s="18" t="s">
        <v>92</v>
      </c>
      <c r="H47" s="17"/>
      <c r="I47" s="13">
        <v>419</v>
      </c>
      <c r="J47" s="14">
        <v>143</v>
      </c>
      <c r="K47" s="14">
        <v>276</v>
      </c>
    </row>
    <row r="48" spans="1:11" ht="15" customHeight="1">
      <c r="A48" s="17" t="s">
        <v>93</v>
      </c>
      <c r="B48" s="17"/>
      <c r="C48" s="13">
        <v>86</v>
      </c>
      <c r="D48" s="19">
        <v>40</v>
      </c>
      <c r="E48" s="19">
        <v>46</v>
      </c>
      <c r="F48" s="19"/>
      <c r="G48" s="18" t="s">
        <v>94</v>
      </c>
      <c r="H48" s="17"/>
      <c r="I48" s="13">
        <v>114</v>
      </c>
      <c r="J48" s="19">
        <v>42</v>
      </c>
      <c r="K48" s="19">
        <v>72</v>
      </c>
    </row>
    <row r="49" spans="1:11" ht="15" customHeight="1">
      <c r="A49" s="17" t="s">
        <v>95</v>
      </c>
      <c r="B49" s="17"/>
      <c r="C49" s="13">
        <v>99</v>
      </c>
      <c r="D49" s="19">
        <v>61</v>
      </c>
      <c r="E49" s="19">
        <v>38</v>
      </c>
      <c r="F49" s="19"/>
      <c r="G49" s="18" t="s">
        <v>96</v>
      </c>
      <c r="H49" s="17"/>
      <c r="I49" s="13">
        <v>100</v>
      </c>
      <c r="J49" s="19">
        <v>36</v>
      </c>
      <c r="K49" s="19">
        <v>64</v>
      </c>
    </row>
    <row r="50" spans="1:11" ht="15" customHeight="1">
      <c r="A50" s="17" t="s">
        <v>97</v>
      </c>
      <c r="B50" s="17"/>
      <c r="C50" s="13">
        <v>79</v>
      </c>
      <c r="D50" s="19">
        <v>39</v>
      </c>
      <c r="E50" s="19">
        <v>40</v>
      </c>
      <c r="F50" s="19"/>
      <c r="G50" s="18" t="s">
        <v>98</v>
      </c>
      <c r="H50" s="17"/>
      <c r="I50" s="13">
        <v>74</v>
      </c>
      <c r="J50" s="19">
        <v>22</v>
      </c>
      <c r="K50" s="19">
        <v>52</v>
      </c>
    </row>
    <row r="51" spans="1:11" ht="15" customHeight="1">
      <c r="A51" s="17" t="s">
        <v>99</v>
      </c>
      <c r="B51" s="17"/>
      <c r="C51" s="13">
        <v>68</v>
      </c>
      <c r="D51" s="19">
        <v>45</v>
      </c>
      <c r="E51" s="19">
        <v>23</v>
      </c>
      <c r="F51" s="19"/>
      <c r="G51" s="18" t="s">
        <v>100</v>
      </c>
      <c r="H51" s="17"/>
      <c r="I51" s="13">
        <v>79</v>
      </c>
      <c r="J51" s="19">
        <v>33</v>
      </c>
      <c r="K51" s="19">
        <v>46</v>
      </c>
    </row>
    <row r="52" spans="1:11" ht="15" customHeight="1">
      <c r="A52" s="17" t="s">
        <v>101</v>
      </c>
      <c r="B52" s="17"/>
      <c r="C52" s="13">
        <v>82</v>
      </c>
      <c r="D52" s="19">
        <v>48</v>
      </c>
      <c r="E52" s="19">
        <v>34</v>
      </c>
      <c r="F52" s="19"/>
      <c r="G52" s="18" t="s">
        <v>102</v>
      </c>
      <c r="H52" s="17"/>
      <c r="I52" s="13">
        <v>52</v>
      </c>
      <c r="J52" s="19">
        <v>10</v>
      </c>
      <c r="K52" s="19">
        <v>42</v>
      </c>
    </row>
    <row r="53" spans="1:11" ht="20.100000000000001" customHeight="1">
      <c r="A53" s="17" t="s">
        <v>103</v>
      </c>
      <c r="B53" s="17"/>
      <c r="C53" s="13">
        <v>453</v>
      </c>
      <c r="D53" s="14">
        <v>245</v>
      </c>
      <c r="E53" s="14">
        <v>208</v>
      </c>
      <c r="F53" s="14"/>
      <c r="G53" s="18" t="s">
        <v>104</v>
      </c>
      <c r="H53" s="17"/>
      <c r="I53" s="13">
        <v>186</v>
      </c>
      <c r="J53" s="14">
        <v>53</v>
      </c>
      <c r="K53" s="14">
        <v>133</v>
      </c>
    </row>
    <row r="54" spans="1:11" ht="15" customHeight="1">
      <c r="A54" s="17" t="s">
        <v>105</v>
      </c>
      <c r="B54" s="17"/>
      <c r="C54" s="13">
        <v>82</v>
      </c>
      <c r="D54" s="19">
        <v>42</v>
      </c>
      <c r="E54" s="19">
        <v>40</v>
      </c>
      <c r="F54" s="19"/>
      <c r="G54" s="18" t="s">
        <v>106</v>
      </c>
      <c r="H54" s="17"/>
      <c r="I54" s="13">
        <v>42</v>
      </c>
      <c r="J54" s="19">
        <v>15</v>
      </c>
      <c r="K54" s="19">
        <v>27</v>
      </c>
    </row>
    <row r="55" spans="1:11" ht="15" customHeight="1">
      <c r="A55" s="17" t="s">
        <v>107</v>
      </c>
      <c r="B55" s="17"/>
      <c r="C55" s="13">
        <v>85</v>
      </c>
      <c r="D55" s="19">
        <v>48</v>
      </c>
      <c r="E55" s="19">
        <v>37</v>
      </c>
      <c r="F55" s="19"/>
      <c r="G55" s="18" t="s">
        <v>108</v>
      </c>
      <c r="H55" s="17"/>
      <c r="I55" s="13">
        <v>50</v>
      </c>
      <c r="J55" s="19">
        <v>20</v>
      </c>
      <c r="K55" s="19">
        <v>30</v>
      </c>
    </row>
    <row r="56" spans="1:11" ht="15" customHeight="1">
      <c r="A56" s="17" t="s">
        <v>109</v>
      </c>
      <c r="B56" s="17"/>
      <c r="C56" s="13">
        <v>98</v>
      </c>
      <c r="D56" s="19">
        <v>50</v>
      </c>
      <c r="E56" s="19">
        <v>48</v>
      </c>
      <c r="F56" s="19"/>
      <c r="G56" s="18" t="s">
        <v>110</v>
      </c>
      <c r="H56" s="17"/>
      <c r="I56" s="13">
        <v>34</v>
      </c>
      <c r="J56" s="19">
        <v>4</v>
      </c>
      <c r="K56" s="19">
        <v>30</v>
      </c>
    </row>
    <row r="57" spans="1:11" ht="15" customHeight="1">
      <c r="A57" s="17" t="s">
        <v>111</v>
      </c>
      <c r="B57" s="17"/>
      <c r="C57" s="13">
        <v>82</v>
      </c>
      <c r="D57" s="19">
        <v>43</v>
      </c>
      <c r="E57" s="19">
        <v>39</v>
      </c>
      <c r="F57" s="19"/>
      <c r="G57" s="18" t="s">
        <v>112</v>
      </c>
      <c r="H57" s="17"/>
      <c r="I57" s="13">
        <v>37</v>
      </c>
      <c r="J57" s="19">
        <v>9</v>
      </c>
      <c r="K57" s="19">
        <v>28</v>
      </c>
    </row>
    <row r="58" spans="1:11" ht="15" customHeight="1">
      <c r="A58" s="17" t="s">
        <v>113</v>
      </c>
      <c r="B58" s="17"/>
      <c r="C58" s="13">
        <v>106</v>
      </c>
      <c r="D58" s="19">
        <v>62</v>
      </c>
      <c r="E58" s="19">
        <v>44</v>
      </c>
      <c r="F58" s="19"/>
      <c r="G58" s="18" t="s">
        <v>114</v>
      </c>
      <c r="H58" s="17"/>
      <c r="I58" s="13">
        <v>23</v>
      </c>
      <c r="J58" s="19">
        <v>5</v>
      </c>
      <c r="K58" s="19">
        <v>18</v>
      </c>
    </row>
    <row r="59" spans="1:11" ht="20.100000000000001" customHeight="1">
      <c r="A59" s="17" t="s">
        <v>115</v>
      </c>
      <c r="B59" s="17"/>
      <c r="C59" s="13">
        <v>626</v>
      </c>
      <c r="D59" s="14">
        <v>318</v>
      </c>
      <c r="E59" s="14">
        <v>308</v>
      </c>
      <c r="F59" s="14"/>
      <c r="G59" s="18" t="s">
        <v>116</v>
      </c>
      <c r="H59" s="17"/>
      <c r="I59" s="13">
        <v>64</v>
      </c>
      <c r="J59" s="14">
        <v>8</v>
      </c>
      <c r="K59" s="14">
        <v>56</v>
      </c>
    </row>
    <row r="60" spans="1:11" ht="15" customHeight="1">
      <c r="A60" s="17" t="s">
        <v>117</v>
      </c>
      <c r="B60" s="17"/>
      <c r="C60" s="13">
        <v>101</v>
      </c>
      <c r="D60" s="19">
        <v>52</v>
      </c>
      <c r="E60" s="19">
        <v>49</v>
      </c>
      <c r="F60" s="19"/>
      <c r="G60" s="18" t="s">
        <v>118</v>
      </c>
      <c r="H60" s="17"/>
      <c r="I60" s="13">
        <v>23</v>
      </c>
      <c r="J60" s="19">
        <v>3</v>
      </c>
      <c r="K60" s="19">
        <v>20</v>
      </c>
    </row>
    <row r="61" spans="1:11" ht="15" customHeight="1">
      <c r="A61" s="17" t="s">
        <v>119</v>
      </c>
      <c r="B61" s="17"/>
      <c r="C61" s="13">
        <v>110</v>
      </c>
      <c r="D61" s="19">
        <v>54</v>
      </c>
      <c r="E61" s="19">
        <v>56</v>
      </c>
      <c r="F61" s="19"/>
      <c r="G61" s="18" t="s">
        <v>120</v>
      </c>
      <c r="H61" s="17"/>
      <c r="I61" s="13">
        <v>21</v>
      </c>
      <c r="J61" s="19">
        <v>1</v>
      </c>
      <c r="K61" s="19">
        <v>20</v>
      </c>
    </row>
    <row r="62" spans="1:11" ht="15" customHeight="1">
      <c r="A62" s="17" t="s">
        <v>121</v>
      </c>
      <c r="B62" s="17"/>
      <c r="C62" s="13">
        <v>133</v>
      </c>
      <c r="D62" s="19">
        <v>62</v>
      </c>
      <c r="E62" s="19">
        <v>71</v>
      </c>
      <c r="F62" s="19"/>
      <c r="G62" s="18" t="s">
        <v>122</v>
      </c>
      <c r="H62" s="17"/>
      <c r="I62" s="13">
        <v>8</v>
      </c>
      <c r="J62" s="19">
        <v>3</v>
      </c>
      <c r="K62" s="19">
        <v>5</v>
      </c>
    </row>
    <row r="63" spans="1:11" ht="15" customHeight="1">
      <c r="A63" s="17" t="s">
        <v>123</v>
      </c>
      <c r="B63" s="17"/>
      <c r="C63" s="13">
        <v>128</v>
      </c>
      <c r="D63" s="19">
        <v>62</v>
      </c>
      <c r="E63" s="19">
        <v>66</v>
      </c>
      <c r="F63" s="19"/>
      <c r="G63" s="18" t="s">
        <v>124</v>
      </c>
      <c r="H63" s="17"/>
      <c r="I63" s="13">
        <v>4</v>
      </c>
      <c r="J63" s="19">
        <v>0</v>
      </c>
      <c r="K63" s="19">
        <v>4</v>
      </c>
    </row>
    <row r="64" spans="1:11" ht="15" customHeight="1">
      <c r="A64" s="17" t="s">
        <v>125</v>
      </c>
      <c r="B64" s="17"/>
      <c r="C64" s="13">
        <v>154</v>
      </c>
      <c r="D64" s="19">
        <v>88</v>
      </c>
      <c r="E64" s="19">
        <v>66</v>
      </c>
      <c r="F64" s="19"/>
      <c r="G64" s="18" t="s">
        <v>126</v>
      </c>
      <c r="H64" s="17"/>
      <c r="I64" s="13">
        <v>8</v>
      </c>
      <c r="J64" s="19">
        <v>1</v>
      </c>
      <c r="K64" s="19">
        <v>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3</v>
      </c>
      <c r="J65" s="19">
        <v>1</v>
      </c>
      <c r="K65" s="19">
        <v>1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550</v>
      </c>
      <c r="J66" s="29">
        <v>315</v>
      </c>
      <c r="K66" s="29">
        <v>23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6707</v>
      </c>
      <c r="D4" s="14">
        <v>3122</v>
      </c>
      <c r="E4" s="14">
        <v>358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10</v>
      </c>
      <c r="D5" s="14">
        <v>50</v>
      </c>
      <c r="E5" s="14">
        <v>60</v>
      </c>
      <c r="F5" s="14"/>
      <c r="G5" s="18" t="s">
        <v>8</v>
      </c>
      <c r="H5" s="17"/>
      <c r="I5" s="13">
        <v>484</v>
      </c>
      <c r="J5" s="14">
        <v>230</v>
      </c>
      <c r="K5" s="14">
        <v>254</v>
      </c>
    </row>
    <row r="6" spans="1:11" ht="15" customHeight="1">
      <c r="A6" s="17" t="s">
        <v>9</v>
      </c>
      <c r="B6" s="17"/>
      <c r="C6" s="13">
        <v>16</v>
      </c>
      <c r="D6" s="19">
        <v>8</v>
      </c>
      <c r="E6" s="19">
        <v>8</v>
      </c>
      <c r="F6" s="19"/>
      <c r="G6" s="18" t="s">
        <v>10</v>
      </c>
      <c r="H6" s="17"/>
      <c r="I6" s="13">
        <v>85</v>
      </c>
      <c r="J6" s="19">
        <v>44</v>
      </c>
      <c r="K6" s="19">
        <v>41</v>
      </c>
    </row>
    <row r="7" spans="1:11" ht="15" customHeight="1">
      <c r="A7" s="17" t="s">
        <v>11</v>
      </c>
      <c r="B7" s="17"/>
      <c r="C7" s="13">
        <v>12</v>
      </c>
      <c r="D7" s="19">
        <v>3</v>
      </c>
      <c r="E7" s="19">
        <v>9</v>
      </c>
      <c r="F7" s="19"/>
      <c r="G7" s="18" t="s">
        <v>12</v>
      </c>
      <c r="H7" s="17"/>
      <c r="I7" s="13">
        <v>91</v>
      </c>
      <c r="J7" s="19">
        <v>37</v>
      </c>
      <c r="K7" s="19">
        <v>54</v>
      </c>
    </row>
    <row r="8" spans="1:11" ht="15" customHeight="1">
      <c r="A8" s="17" t="s">
        <v>13</v>
      </c>
      <c r="B8" s="17"/>
      <c r="C8" s="13">
        <v>33</v>
      </c>
      <c r="D8" s="19">
        <v>19</v>
      </c>
      <c r="E8" s="19">
        <v>14</v>
      </c>
      <c r="F8" s="19"/>
      <c r="G8" s="18" t="s">
        <v>14</v>
      </c>
      <c r="H8" s="17"/>
      <c r="I8" s="13">
        <v>104</v>
      </c>
      <c r="J8" s="19">
        <v>47</v>
      </c>
      <c r="K8" s="19">
        <v>57</v>
      </c>
    </row>
    <row r="9" spans="1:11" ht="15" customHeight="1">
      <c r="A9" s="17" t="s">
        <v>15</v>
      </c>
      <c r="B9" s="17"/>
      <c r="C9" s="13">
        <v>23</v>
      </c>
      <c r="D9" s="19">
        <v>6</v>
      </c>
      <c r="E9" s="19">
        <v>17</v>
      </c>
      <c r="F9" s="19"/>
      <c r="G9" s="18" t="s">
        <v>16</v>
      </c>
      <c r="H9" s="17"/>
      <c r="I9" s="13">
        <v>111</v>
      </c>
      <c r="J9" s="19">
        <v>52</v>
      </c>
      <c r="K9" s="19">
        <v>59</v>
      </c>
    </row>
    <row r="10" spans="1:11" ht="15" customHeight="1">
      <c r="A10" s="17" t="s">
        <v>17</v>
      </c>
      <c r="B10" s="17"/>
      <c r="C10" s="13">
        <v>26</v>
      </c>
      <c r="D10" s="19">
        <v>14</v>
      </c>
      <c r="E10" s="19">
        <v>12</v>
      </c>
      <c r="F10" s="19"/>
      <c r="G10" s="18" t="s">
        <v>18</v>
      </c>
      <c r="H10" s="17"/>
      <c r="I10" s="13">
        <v>93</v>
      </c>
      <c r="J10" s="19">
        <v>50</v>
      </c>
      <c r="K10" s="19">
        <v>43</v>
      </c>
    </row>
    <row r="11" spans="1:11" ht="20.100000000000001" customHeight="1">
      <c r="A11" s="17" t="s">
        <v>19</v>
      </c>
      <c r="B11" s="17"/>
      <c r="C11" s="13">
        <v>159</v>
      </c>
      <c r="D11" s="14">
        <v>86</v>
      </c>
      <c r="E11" s="14">
        <v>73</v>
      </c>
      <c r="F11" s="14"/>
      <c r="G11" s="18" t="s">
        <v>20</v>
      </c>
      <c r="H11" s="17"/>
      <c r="I11" s="13">
        <v>555</v>
      </c>
      <c r="J11" s="14">
        <v>259</v>
      </c>
      <c r="K11" s="14">
        <v>296</v>
      </c>
    </row>
    <row r="12" spans="1:11" ht="15" customHeight="1">
      <c r="A12" s="17" t="s">
        <v>21</v>
      </c>
      <c r="B12" s="17"/>
      <c r="C12" s="13">
        <v>28</v>
      </c>
      <c r="D12" s="19">
        <v>15</v>
      </c>
      <c r="E12" s="19">
        <v>13</v>
      </c>
      <c r="F12" s="19"/>
      <c r="G12" s="18" t="s">
        <v>22</v>
      </c>
      <c r="H12" s="17"/>
      <c r="I12" s="13">
        <v>119</v>
      </c>
      <c r="J12" s="19">
        <v>60</v>
      </c>
      <c r="K12" s="19">
        <v>59</v>
      </c>
    </row>
    <row r="13" spans="1:11" ht="15" customHeight="1">
      <c r="A13" s="17" t="s">
        <v>23</v>
      </c>
      <c r="B13" s="17"/>
      <c r="C13" s="13">
        <v>39</v>
      </c>
      <c r="D13" s="19">
        <v>22</v>
      </c>
      <c r="E13" s="19">
        <v>17</v>
      </c>
      <c r="F13" s="19"/>
      <c r="G13" s="18" t="s">
        <v>24</v>
      </c>
      <c r="H13" s="17"/>
      <c r="I13" s="13">
        <v>113</v>
      </c>
      <c r="J13" s="19">
        <v>54</v>
      </c>
      <c r="K13" s="19">
        <v>59</v>
      </c>
    </row>
    <row r="14" spans="1:11" ht="15" customHeight="1">
      <c r="A14" s="17" t="s">
        <v>25</v>
      </c>
      <c r="B14" s="17"/>
      <c r="C14" s="13">
        <v>27</v>
      </c>
      <c r="D14" s="19">
        <v>16</v>
      </c>
      <c r="E14" s="19">
        <v>11</v>
      </c>
      <c r="F14" s="19"/>
      <c r="G14" s="18" t="s">
        <v>26</v>
      </c>
      <c r="H14" s="17"/>
      <c r="I14" s="13">
        <v>96</v>
      </c>
      <c r="J14" s="19">
        <v>41</v>
      </c>
      <c r="K14" s="19">
        <v>55</v>
      </c>
    </row>
    <row r="15" spans="1:11" ht="15" customHeight="1">
      <c r="A15" s="17" t="s">
        <v>27</v>
      </c>
      <c r="B15" s="17"/>
      <c r="C15" s="13">
        <v>34</v>
      </c>
      <c r="D15" s="19">
        <v>18</v>
      </c>
      <c r="E15" s="19">
        <v>16</v>
      </c>
      <c r="F15" s="19"/>
      <c r="G15" s="18" t="s">
        <v>28</v>
      </c>
      <c r="H15" s="17"/>
      <c r="I15" s="13">
        <v>119</v>
      </c>
      <c r="J15" s="19">
        <v>55</v>
      </c>
      <c r="K15" s="19">
        <v>64</v>
      </c>
    </row>
    <row r="16" spans="1:11" ht="15" customHeight="1">
      <c r="A16" s="17" t="s">
        <v>29</v>
      </c>
      <c r="B16" s="17"/>
      <c r="C16" s="13">
        <v>31</v>
      </c>
      <c r="D16" s="19">
        <v>15</v>
      </c>
      <c r="E16" s="19">
        <v>16</v>
      </c>
      <c r="F16" s="19"/>
      <c r="G16" s="18" t="s">
        <v>30</v>
      </c>
      <c r="H16" s="17"/>
      <c r="I16" s="13">
        <v>108</v>
      </c>
      <c r="J16" s="19">
        <v>49</v>
      </c>
      <c r="K16" s="19">
        <v>59</v>
      </c>
    </row>
    <row r="17" spans="1:11" ht="20.100000000000001" customHeight="1">
      <c r="A17" s="20" t="s">
        <v>31</v>
      </c>
      <c r="B17" s="20"/>
      <c r="C17" s="13">
        <v>177</v>
      </c>
      <c r="D17" s="14">
        <v>79</v>
      </c>
      <c r="E17" s="14">
        <v>98</v>
      </c>
      <c r="F17" s="14"/>
      <c r="G17" s="18" t="s">
        <v>32</v>
      </c>
      <c r="H17" s="17"/>
      <c r="I17" s="13">
        <v>540</v>
      </c>
      <c r="J17" s="14">
        <v>263</v>
      </c>
      <c r="K17" s="14">
        <v>277</v>
      </c>
    </row>
    <row r="18" spans="1:11" ht="15" customHeight="1">
      <c r="A18" s="17" t="s">
        <v>33</v>
      </c>
      <c r="B18" s="17"/>
      <c r="C18" s="13">
        <v>32</v>
      </c>
      <c r="D18" s="19">
        <v>10</v>
      </c>
      <c r="E18" s="19">
        <v>22</v>
      </c>
      <c r="F18" s="19"/>
      <c r="G18" s="18" t="s">
        <v>34</v>
      </c>
      <c r="H18" s="17"/>
      <c r="I18" s="13">
        <v>95</v>
      </c>
      <c r="J18" s="19">
        <v>42</v>
      </c>
      <c r="K18" s="19">
        <v>53</v>
      </c>
    </row>
    <row r="19" spans="1:11" ht="15" customHeight="1">
      <c r="A19" s="17" t="s">
        <v>35</v>
      </c>
      <c r="B19" s="17"/>
      <c r="C19" s="13">
        <v>36</v>
      </c>
      <c r="D19" s="19">
        <v>15</v>
      </c>
      <c r="E19" s="19">
        <v>21</v>
      </c>
      <c r="F19" s="19"/>
      <c r="G19" s="18" t="s">
        <v>36</v>
      </c>
      <c r="H19" s="17"/>
      <c r="I19" s="13">
        <v>107</v>
      </c>
      <c r="J19" s="19">
        <v>56</v>
      </c>
      <c r="K19" s="19">
        <v>51</v>
      </c>
    </row>
    <row r="20" spans="1:11" ht="15" customHeight="1">
      <c r="A20" s="17" t="s">
        <v>37</v>
      </c>
      <c r="B20" s="17"/>
      <c r="C20" s="13">
        <v>26</v>
      </c>
      <c r="D20" s="19">
        <v>15</v>
      </c>
      <c r="E20" s="19">
        <v>11</v>
      </c>
      <c r="F20" s="19"/>
      <c r="G20" s="18" t="s">
        <v>38</v>
      </c>
      <c r="H20" s="17"/>
      <c r="I20" s="13">
        <v>117</v>
      </c>
      <c r="J20" s="19">
        <v>55</v>
      </c>
      <c r="K20" s="19">
        <v>62</v>
      </c>
    </row>
    <row r="21" spans="1:11" ht="15" customHeight="1">
      <c r="A21" s="17" t="s">
        <v>39</v>
      </c>
      <c r="B21" s="17"/>
      <c r="C21" s="13">
        <v>42</v>
      </c>
      <c r="D21" s="19">
        <v>21</v>
      </c>
      <c r="E21" s="19">
        <v>21</v>
      </c>
      <c r="F21" s="19"/>
      <c r="G21" s="18" t="s">
        <v>40</v>
      </c>
      <c r="H21" s="17"/>
      <c r="I21" s="13">
        <v>99</v>
      </c>
      <c r="J21" s="19">
        <v>53</v>
      </c>
      <c r="K21" s="19">
        <v>46</v>
      </c>
    </row>
    <row r="22" spans="1:11" ht="15" customHeight="1">
      <c r="A22" s="17" t="s">
        <v>41</v>
      </c>
      <c r="B22" s="17"/>
      <c r="C22" s="13">
        <v>41</v>
      </c>
      <c r="D22" s="19">
        <v>18</v>
      </c>
      <c r="E22" s="19">
        <v>23</v>
      </c>
      <c r="F22" s="19"/>
      <c r="G22" s="18" t="s">
        <v>42</v>
      </c>
      <c r="H22" s="17"/>
      <c r="I22" s="13">
        <v>122</v>
      </c>
      <c r="J22" s="19">
        <v>57</v>
      </c>
      <c r="K22" s="19">
        <v>65</v>
      </c>
    </row>
    <row r="23" spans="1:11" ht="20.100000000000001" customHeight="1">
      <c r="A23" s="17" t="s">
        <v>43</v>
      </c>
      <c r="B23" s="17"/>
      <c r="C23" s="13">
        <v>217</v>
      </c>
      <c r="D23" s="14">
        <v>114</v>
      </c>
      <c r="E23" s="14">
        <v>103</v>
      </c>
      <c r="F23" s="14"/>
      <c r="G23" s="18" t="s">
        <v>44</v>
      </c>
      <c r="H23" s="17"/>
      <c r="I23" s="13">
        <v>611</v>
      </c>
      <c r="J23" s="14">
        <v>317</v>
      </c>
      <c r="K23" s="14">
        <v>294</v>
      </c>
    </row>
    <row r="24" spans="1:11" ht="15" customHeight="1">
      <c r="A24" s="17" t="s">
        <v>45</v>
      </c>
      <c r="B24" s="17"/>
      <c r="C24" s="13">
        <v>28</v>
      </c>
      <c r="D24" s="19">
        <v>14</v>
      </c>
      <c r="E24" s="19">
        <v>14</v>
      </c>
      <c r="F24" s="19"/>
      <c r="G24" s="18" t="s">
        <v>46</v>
      </c>
      <c r="H24" s="17"/>
      <c r="I24" s="13">
        <v>112</v>
      </c>
      <c r="J24" s="19">
        <v>56</v>
      </c>
      <c r="K24" s="19">
        <v>56</v>
      </c>
    </row>
    <row r="25" spans="1:11" ht="15" customHeight="1">
      <c r="A25" s="17" t="s">
        <v>47</v>
      </c>
      <c r="B25" s="17"/>
      <c r="C25" s="13">
        <v>47</v>
      </c>
      <c r="D25" s="19">
        <v>25</v>
      </c>
      <c r="E25" s="19">
        <v>22</v>
      </c>
      <c r="F25" s="19"/>
      <c r="G25" s="18" t="s">
        <v>48</v>
      </c>
      <c r="H25" s="17"/>
      <c r="I25" s="13">
        <v>104</v>
      </c>
      <c r="J25" s="19">
        <v>57</v>
      </c>
      <c r="K25" s="19">
        <v>47</v>
      </c>
    </row>
    <row r="26" spans="1:11" ht="15" customHeight="1">
      <c r="A26" s="17" t="s">
        <v>49</v>
      </c>
      <c r="B26" s="17"/>
      <c r="C26" s="13">
        <v>46</v>
      </c>
      <c r="D26" s="19">
        <v>33</v>
      </c>
      <c r="E26" s="19">
        <v>13</v>
      </c>
      <c r="F26" s="19"/>
      <c r="G26" s="18" t="s">
        <v>50</v>
      </c>
      <c r="H26" s="17"/>
      <c r="I26" s="13">
        <v>144</v>
      </c>
      <c r="J26" s="19">
        <v>78</v>
      </c>
      <c r="K26" s="19">
        <v>66</v>
      </c>
    </row>
    <row r="27" spans="1:11" ht="15" customHeight="1">
      <c r="A27" s="17" t="s">
        <v>51</v>
      </c>
      <c r="B27" s="17"/>
      <c r="C27" s="13">
        <v>48</v>
      </c>
      <c r="D27" s="19">
        <v>15</v>
      </c>
      <c r="E27" s="19">
        <v>33</v>
      </c>
      <c r="F27" s="19"/>
      <c r="G27" s="18" t="s">
        <v>52</v>
      </c>
      <c r="H27" s="17"/>
      <c r="I27" s="13">
        <v>113</v>
      </c>
      <c r="J27" s="19">
        <v>52</v>
      </c>
      <c r="K27" s="19">
        <v>61</v>
      </c>
    </row>
    <row r="28" spans="1:11" ht="15" customHeight="1">
      <c r="A28" s="17" t="s">
        <v>53</v>
      </c>
      <c r="B28" s="17"/>
      <c r="C28" s="13">
        <v>48</v>
      </c>
      <c r="D28" s="19">
        <v>27</v>
      </c>
      <c r="E28" s="19">
        <v>21</v>
      </c>
      <c r="F28" s="19"/>
      <c r="G28" s="18" t="s">
        <v>54</v>
      </c>
      <c r="H28" s="17"/>
      <c r="I28" s="13">
        <v>138</v>
      </c>
      <c r="J28" s="19">
        <v>74</v>
      </c>
      <c r="K28" s="19">
        <v>64</v>
      </c>
    </row>
    <row r="29" spans="1:11" ht="20.100000000000001" customHeight="1">
      <c r="A29" s="17" t="s">
        <v>55</v>
      </c>
      <c r="B29" s="17"/>
      <c r="C29" s="13">
        <v>198</v>
      </c>
      <c r="D29" s="14">
        <v>101</v>
      </c>
      <c r="E29" s="14">
        <v>97</v>
      </c>
      <c r="F29" s="14"/>
      <c r="G29" s="18" t="s">
        <v>56</v>
      </c>
      <c r="H29" s="17"/>
      <c r="I29" s="13">
        <v>744</v>
      </c>
      <c r="J29" s="14">
        <v>337</v>
      </c>
      <c r="K29" s="14">
        <v>407</v>
      </c>
    </row>
    <row r="30" spans="1:11" ht="15" customHeight="1">
      <c r="A30" s="17" t="s">
        <v>57</v>
      </c>
      <c r="B30" s="17"/>
      <c r="C30" s="13">
        <v>45</v>
      </c>
      <c r="D30" s="19">
        <v>24</v>
      </c>
      <c r="E30" s="19">
        <v>21</v>
      </c>
      <c r="F30" s="19"/>
      <c r="G30" s="18" t="s">
        <v>58</v>
      </c>
      <c r="H30" s="17"/>
      <c r="I30" s="13">
        <v>140</v>
      </c>
      <c r="J30" s="19">
        <v>58</v>
      </c>
      <c r="K30" s="19">
        <v>82</v>
      </c>
    </row>
    <row r="31" spans="1:11" ht="15" customHeight="1">
      <c r="A31" s="17" t="s">
        <v>59</v>
      </c>
      <c r="B31" s="17"/>
      <c r="C31" s="13">
        <v>45</v>
      </c>
      <c r="D31" s="19">
        <v>20</v>
      </c>
      <c r="E31" s="19">
        <v>25</v>
      </c>
      <c r="F31" s="19"/>
      <c r="G31" s="18" t="s">
        <v>60</v>
      </c>
      <c r="H31" s="17"/>
      <c r="I31" s="13">
        <v>152</v>
      </c>
      <c r="J31" s="19">
        <v>67</v>
      </c>
      <c r="K31" s="19">
        <v>85</v>
      </c>
    </row>
    <row r="32" spans="1:11" ht="15" customHeight="1">
      <c r="A32" s="17" t="s">
        <v>61</v>
      </c>
      <c r="B32" s="17"/>
      <c r="C32" s="13">
        <v>38</v>
      </c>
      <c r="D32" s="19">
        <v>19</v>
      </c>
      <c r="E32" s="19">
        <v>19</v>
      </c>
      <c r="F32" s="19"/>
      <c r="G32" s="18" t="s">
        <v>62</v>
      </c>
      <c r="H32" s="17"/>
      <c r="I32" s="13">
        <v>161</v>
      </c>
      <c r="J32" s="19">
        <v>80</v>
      </c>
      <c r="K32" s="19">
        <v>81</v>
      </c>
    </row>
    <row r="33" spans="1:11" ht="15" customHeight="1">
      <c r="A33" s="17" t="s">
        <v>63</v>
      </c>
      <c r="B33" s="17"/>
      <c r="C33" s="13">
        <v>36</v>
      </c>
      <c r="D33" s="19">
        <v>14</v>
      </c>
      <c r="E33" s="19">
        <v>22</v>
      </c>
      <c r="F33" s="19"/>
      <c r="G33" s="18" t="s">
        <v>64</v>
      </c>
      <c r="H33" s="17"/>
      <c r="I33" s="13">
        <v>168</v>
      </c>
      <c r="J33" s="19">
        <v>83</v>
      </c>
      <c r="K33" s="19">
        <v>85</v>
      </c>
    </row>
    <row r="34" spans="1:11" ht="15" customHeight="1">
      <c r="A34" s="17" t="s">
        <v>65</v>
      </c>
      <c r="B34" s="17"/>
      <c r="C34" s="13">
        <v>34</v>
      </c>
      <c r="D34" s="19">
        <v>24</v>
      </c>
      <c r="E34" s="19">
        <v>10</v>
      </c>
      <c r="F34" s="19"/>
      <c r="G34" s="18" t="s">
        <v>66</v>
      </c>
      <c r="H34" s="17"/>
      <c r="I34" s="13">
        <v>123</v>
      </c>
      <c r="J34" s="19">
        <v>49</v>
      </c>
      <c r="K34" s="19">
        <v>74</v>
      </c>
    </row>
    <row r="35" spans="1:11" ht="20.100000000000001" customHeight="1">
      <c r="A35" s="17" t="s">
        <v>67</v>
      </c>
      <c r="B35" s="17"/>
      <c r="C35" s="13">
        <v>180</v>
      </c>
      <c r="D35" s="14">
        <v>94</v>
      </c>
      <c r="E35" s="14">
        <v>86</v>
      </c>
      <c r="F35" s="14"/>
      <c r="G35" s="18" t="s">
        <v>68</v>
      </c>
      <c r="H35" s="17"/>
      <c r="I35" s="13">
        <v>633</v>
      </c>
      <c r="J35" s="14">
        <v>284</v>
      </c>
      <c r="K35" s="14">
        <v>349</v>
      </c>
    </row>
    <row r="36" spans="1:11" ht="15" customHeight="1">
      <c r="A36" s="17" t="s">
        <v>69</v>
      </c>
      <c r="B36" s="17"/>
      <c r="C36" s="13">
        <v>43</v>
      </c>
      <c r="D36" s="19">
        <v>20</v>
      </c>
      <c r="E36" s="19">
        <v>23</v>
      </c>
      <c r="F36" s="19"/>
      <c r="G36" s="18" t="s">
        <v>70</v>
      </c>
      <c r="H36" s="17"/>
      <c r="I36" s="13">
        <v>113</v>
      </c>
      <c r="J36" s="19">
        <v>44</v>
      </c>
      <c r="K36" s="19">
        <v>69</v>
      </c>
    </row>
    <row r="37" spans="1:11" ht="15" customHeight="1">
      <c r="A37" s="17" t="s">
        <v>71</v>
      </c>
      <c r="B37" s="17"/>
      <c r="C37" s="13">
        <v>42</v>
      </c>
      <c r="D37" s="19">
        <v>21</v>
      </c>
      <c r="E37" s="19">
        <v>21</v>
      </c>
      <c r="F37" s="19"/>
      <c r="G37" s="18" t="s">
        <v>72</v>
      </c>
      <c r="H37" s="17"/>
      <c r="I37" s="13">
        <v>144</v>
      </c>
      <c r="J37" s="19">
        <v>68</v>
      </c>
      <c r="K37" s="19">
        <v>76</v>
      </c>
    </row>
    <row r="38" spans="1:11" ht="15" customHeight="1">
      <c r="A38" s="17" t="s">
        <v>73</v>
      </c>
      <c r="B38" s="17"/>
      <c r="C38" s="13">
        <v>35</v>
      </c>
      <c r="D38" s="19">
        <v>19</v>
      </c>
      <c r="E38" s="19">
        <v>16</v>
      </c>
      <c r="F38" s="19"/>
      <c r="G38" s="18" t="s">
        <v>74</v>
      </c>
      <c r="H38" s="17"/>
      <c r="I38" s="13">
        <v>134</v>
      </c>
      <c r="J38" s="19">
        <v>56</v>
      </c>
      <c r="K38" s="19">
        <v>78</v>
      </c>
    </row>
    <row r="39" spans="1:11" ht="15" customHeight="1">
      <c r="A39" s="17" t="s">
        <v>75</v>
      </c>
      <c r="B39" s="17"/>
      <c r="C39" s="13">
        <v>36</v>
      </c>
      <c r="D39" s="19">
        <v>20</v>
      </c>
      <c r="E39" s="19">
        <v>16</v>
      </c>
      <c r="F39" s="19"/>
      <c r="G39" s="18" t="s">
        <v>76</v>
      </c>
      <c r="H39" s="17"/>
      <c r="I39" s="13">
        <v>116</v>
      </c>
      <c r="J39" s="19">
        <v>52</v>
      </c>
      <c r="K39" s="19">
        <v>64</v>
      </c>
    </row>
    <row r="40" spans="1:11" ht="15" customHeight="1">
      <c r="A40" s="17" t="s">
        <v>77</v>
      </c>
      <c r="B40" s="17"/>
      <c r="C40" s="13">
        <v>24</v>
      </c>
      <c r="D40" s="19">
        <v>14</v>
      </c>
      <c r="E40" s="19">
        <v>10</v>
      </c>
      <c r="F40" s="19"/>
      <c r="G40" s="18" t="s">
        <v>78</v>
      </c>
      <c r="H40" s="17"/>
      <c r="I40" s="13">
        <v>126</v>
      </c>
      <c r="J40" s="19">
        <v>64</v>
      </c>
      <c r="K40" s="19">
        <v>62</v>
      </c>
    </row>
    <row r="41" spans="1:11" ht="20.100000000000001" customHeight="1">
      <c r="A41" s="17" t="s">
        <v>79</v>
      </c>
      <c r="B41" s="17"/>
      <c r="C41" s="13">
        <v>205</v>
      </c>
      <c r="D41" s="14">
        <v>98</v>
      </c>
      <c r="E41" s="14">
        <v>107</v>
      </c>
      <c r="F41" s="14"/>
      <c r="G41" s="18" t="s">
        <v>80</v>
      </c>
      <c r="H41" s="17"/>
      <c r="I41" s="13">
        <v>473</v>
      </c>
      <c r="J41" s="14">
        <v>184</v>
      </c>
      <c r="K41" s="14">
        <v>289</v>
      </c>
    </row>
    <row r="42" spans="1:11" ht="15" customHeight="1">
      <c r="A42" s="17" t="s">
        <v>81</v>
      </c>
      <c r="B42" s="17"/>
      <c r="C42" s="13">
        <v>39</v>
      </c>
      <c r="D42" s="19">
        <v>18</v>
      </c>
      <c r="E42" s="19">
        <v>21</v>
      </c>
      <c r="F42" s="19"/>
      <c r="G42" s="18" t="s">
        <v>82</v>
      </c>
      <c r="H42" s="17"/>
      <c r="I42" s="13">
        <v>129</v>
      </c>
      <c r="J42" s="19">
        <v>47</v>
      </c>
      <c r="K42" s="19">
        <v>82</v>
      </c>
    </row>
    <row r="43" spans="1:11" ht="15" customHeight="1">
      <c r="A43" s="17" t="s">
        <v>83</v>
      </c>
      <c r="B43" s="17"/>
      <c r="C43" s="13">
        <v>35</v>
      </c>
      <c r="D43" s="19">
        <v>17</v>
      </c>
      <c r="E43" s="19">
        <v>18</v>
      </c>
      <c r="F43" s="19"/>
      <c r="G43" s="18" t="s">
        <v>84</v>
      </c>
      <c r="H43" s="17"/>
      <c r="I43" s="13">
        <v>81</v>
      </c>
      <c r="J43" s="19">
        <v>30</v>
      </c>
      <c r="K43" s="19">
        <v>51</v>
      </c>
    </row>
    <row r="44" spans="1:11" ht="15" customHeight="1">
      <c r="A44" s="17" t="s">
        <v>85</v>
      </c>
      <c r="B44" s="17"/>
      <c r="C44" s="13">
        <v>45</v>
      </c>
      <c r="D44" s="19">
        <v>25</v>
      </c>
      <c r="E44" s="19">
        <v>20</v>
      </c>
      <c r="F44" s="19"/>
      <c r="G44" s="18" t="s">
        <v>86</v>
      </c>
      <c r="H44" s="17"/>
      <c r="I44" s="13">
        <v>91</v>
      </c>
      <c r="J44" s="19">
        <v>44</v>
      </c>
      <c r="K44" s="19">
        <v>47</v>
      </c>
    </row>
    <row r="45" spans="1:11" ht="15" customHeight="1">
      <c r="A45" s="17" t="s">
        <v>87</v>
      </c>
      <c r="B45" s="17"/>
      <c r="C45" s="13">
        <v>42</v>
      </c>
      <c r="D45" s="19">
        <v>19</v>
      </c>
      <c r="E45" s="19">
        <v>23</v>
      </c>
      <c r="F45" s="19"/>
      <c r="G45" s="18" t="s">
        <v>88</v>
      </c>
      <c r="H45" s="17"/>
      <c r="I45" s="13">
        <v>82</v>
      </c>
      <c r="J45" s="19">
        <v>34</v>
      </c>
      <c r="K45" s="19">
        <v>48</v>
      </c>
    </row>
    <row r="46" spans="1:11" ht="15" customHeight="1">
      <c r="A46" s="17" t="s">
        <v>89</v>
      </c>
      <c r="B46" s="17"/>
      <c r="C46" s="13">
        <v>44</v>
      </c>
      <c r="D46" s="19">
        <v>19</v>
      </c>
      <c r="E46" s="19">
        <v>25</v>
      </c>
      <c r="F46" s="19"/>
      <c r="G46" s="18" t="s">
        <v>90</v>
      </c>
      <c r="H46" s="17"/>
      <c r="I46" s="13">
        <v>90</v>
      </c>
      <c r="J46" s="19">
        <v>29</v>
      </c>
      <c r="K46" s="19">
        <v>61</v>
      </c>
    </row>
    <row r="47" spans="1:11" ht="20.100000000000001" customHeight="1">
      <c r="A47" s="17" t="s">
        <v>91</v>
      </c>
      <c r="B47" s="17"/>
      <c r="C47" s="13">
        <v>239</v>
      </c>
      <c r="D47" s="14">
        <v>132</v>
      </c>
      <c r="E47" s="14">
        <v>107</v>
      </c>
      <c r="F47" s="14"/>
      <c r="G47" s="18" t="s">
        <v>92</v>
      </c>
      <c r="H47" s="17"/>
      <c r="I47" s="13">
        <v>306</v>
      </c>
      <c r="J47" s="14">
        <v>104</v>
      </c>
      <c r="K47" s="14">
        <v>202</v>
      </c>
    </row>
    <row r="48" spans="1:11" ht="15" customHeight="1">
      <c r="A48" s="17" t="s">
        <v>93</v>
      </c>
      <c r="B48" s="17"/>
      <c r="C48" s="13">
        <v>30</v>
      </c>
      <c r="D48" s="19">
        <v>15</v>
      </c>
      <c r="E48" s="19">
        <v>15</v>
      </c>
      <c r="F48" s="19"/>
      <c r="G48" s="18" t="s">
        <v>94</v>
      </c>
      <c r="H48" s="17"/>
      <c r="I48" s="13">
        <v>65</v>
      </c>
      <c r="J48" s="19">
        <v>18</v>
      </c>
      <c r="K48" s="19">
        <v>47</v>
      </c>
    </row>
    <row r="49" spans="1:11" ht="15" customHeight="1">
      <c r="A49" s="17" t="s">
        <v>95</v>
      </c>
      <c r="B49" s="17"/>
      <c r="C49" s="13">
        <v>55</v>
      </c>
      <c r="D49" s="19">
        <v>31</v>
      </c>
      <c r="E49" s="19">
        <v>24</v>
      </c>
      <c r="F49" s="19"/>
      <c r="G49" s="18" t="s">
        <v>96</v>
      </c>
      <c r="H49" s="17"/>
      <c r="I49" s="13">
        <v>77</v>
      </c>
      <c r="J49" s="19">
        <v>26</v>
      </c>
      <c r="K49" s="19">
        <v>51</v>
      </c>
    </row>
    <row r="50" spans="1:11" ht="15" customHeight="1">
      <c r="A50" s="17" t="s">
        <v>97</v>
      </c>
      <c r="B50" s="17"/>
      <c r="C50" s="13">
        <v>41</v>
      </c>
      <c r="D50" s="19">
        <v>28</v>
      </c>
      <c r="E50" s="19">
        <v>13</v>
      </c>
      <c r="F50" s="19"/>
      <c r="G50" s="18" t="s">
        <v>98</v>
      </c>
      <c r="H50" s="17"/>
      <c r="I50" s="13">
        <v>63</v>
      </c>
      <c r="J50" s="19">
        <v>30</v>
      </c>
      <c r="K50" s="19">
        <v>33</v>
      </c>
    </row>
    <row r="51" spans="1:11" ht="15" customHeight="1">
      <c r="A51" s="17" t="s">
        <v>99</v>
      </c>
      <c r="B51" s="17"/>
      <c r="C51" s="13">
        <v>54</v>
      </c>
      <c r="D51" s="19">
        <v>23</v>
      </c>
      <c r="E51" s="19">
        <v>31</v>
      </c>
      <c r="F51" s="19"/>
      <c r="G51" s="18" t="s">
        <v>100</v>
      </c>
      <c r="H51" s="17"/>
      <c r="I51" s="13">
        <v>46</v>
      </c>
      <c r="J51" s="19">
        <v>16</v>
      </c>
      <c r="K51" s="19">
        <v>30</v>
      </c>
    </row>
    <row r="52" spans="1:11" ht="15" customHeight="1">
      <c r="A52" s="17" t="s">
        <v>101</v>
      </c>
      <c r="B52" s="17"/>
      <c r="C52" s="13">
        <v>59</v>
      </c>
      <c r="D52" s="19">
        <v>35</v>
      </c>
      <c r="E52" s="19">
        <v>24</v>
      </c>
      <c r="F52" s="19"/>
      <c r="G52" s="18" t="s">
        <v>102</v>
      </c>
      <c r="H52" s="17"/>
      <c r="I52" s="13">
        <v>55</v>
      </c>
      <c r="J52" s="19">
        <v>14</v>
      </c>
      <c r="K52" s="19">
        <v>41</v>
      </c>
    </row>
    <row r="53" spans="1:11" ht="20.100000000000001" customHeight="1">
      <c r="A53" s="17" t="s">
        <v>103</v>
      </c>
      <c r="B53" s="17"/>
      <c r="C53" s="13">
        <v>288</v>
      </c>
      <c r="D53" s="14">
        <v>134</v>
      </c>
      <c r="E53" s="14">
        <v>154</v>
      </c>
      <c r="F53" s="14"/>
      <c r="G53" s="18" t="s">
        <v>104</v>
      </c>
      <c r="H53" s="17"/>
      <c r="I53" s="13">
        <v>123</v>
      </c>
      <c r="J53" s="14">
        <v>27</v>
      </c>
      <c r="K53" s="14">
        <v>96</v>
      </c>
    </row>
    <row r="54" spans="1:11" ht="15" customHeight="1">
      <c r="A54" s="17" t="s">
        <v>105</v>
      </c>
      <c r="B54" s="17"/>
      <c r="C54" s="13">
        <v>43</v>
      </c>
      <c r="D54" s="19">
        <v>22</v>
      </c>
      <c r="E54" s="19">
        <v>21</v>
      </c>
      <c r="F54" s="19"/>
      <c r="G54" s="18" t="s">
        <v>106</v>
      </c>
      <c r="H54" s="17"/>
      <c r="I54" s="13">
        <v>39</v>
      </c>
      <c r="J54" s="19">
        <v>8</v>
      </c>
      <c r="K54" s="19">
        <v>31</v>
      </c>
    </row>
    <row r="55" spans="1:11" ht="15" customHeight="1">
      <c r="A55" s="17" t="s">
        <v>107</v>
      </c>
      <c r="B55" s="17"/>
      <c r="C55" s="13">
        <v>49</v>
      </c>
      <c r="D55" s="19">
        <v>22</v>
      </c>
      <c r="E55" s="19">
        <v>27</v>
      </c>
      <c r="F55" s="19"/>
      <c r="G55" s="18" t="s">
        <v>108</v>
      </c>
      <c r="H55" s="17"/>
      <c r="I55" s="13">
        <v>22</v>
      </c>
      <c r="J55" s="19">
        <v>7</v>
      </c>
      <c r="K55" s="19">
        <v>15</v>
      </c>
    </row>
    <row r="56" spans="1:11" ht="15" customHeight="1">
      <c r="A56" s="17" t="s">
        <v>109</v>
      </c>
      <c r="B56" s="17"/>
      <c r="C56" s="13">
        <v>59</v>
      </c>
      <c r="D56" s="19">
        <v>29</v>
      </c>
      <c r="E56" s="19">
        <v>30</v>
      </c>
      <c r="F56" s="19"/>
      <c r="G56" s="18" t="s">
        <v>110</v>
      </c>
      <c r="H56" s="17"/>
      <c r="I56" s="13">
        <v>27</v>
      </c>
      <c r="J56" s="19">
        <v>4</v>
      </c>
      <c r="K56" s="19">
        <v>23</v>
      </c>
    </row>
    <row r="57" spans="1:11" ht="15" customHeight="1">
      <c r="A57" s="17" t="s">
        <v>111</v>
      </c>
      <c r="B57" s="17"/>
      <c r="C57" s="13">
        <v>60</v>
      </c>
      <c r="D57" s="19">
        <v>29</v>
      </c>
      <c r="E57" s="19">
        <v>31</v>
      </c>
      <c r="F57" s="19"/>
      <c r="G57" s="18" t="s">
        <v>112</v>
      </c>
      <c r="H57" s="17"/>
      <c r="I57" s="13">
        <v>19</v>
      </c>
      <c r="J57" s="19">
        <v>5</v>
      </c>
      <c r="K57" s="19">
        <v>14</v>
      </c>
    </row>
    <row r="58" spans="1:11" ht="15" customHeight="1">
      <c r="A58" s="17" t="s">
        <v>113</v>
      </c>
      <c r="B58" s="17"/>
      <c r="C58" s="13">
        <v>77</v>
      </c>
      <c r="D58" s="19">
        <v>32</v>
      </c>
      <c r="E58" s="19">
        <v>45</v>
      </c>
      <c r="F58" s="19"/>
      <c r="G58" s="18" t="s">
        <v>114</v>
      </c>
      <c r="H58" s="17"/>
      <c r="I58" s="13">
        <v>16</v>
      </c>
      <c r="J58" s="19">
        <v>3</v>
      </c>
      <c r="K58" s="19">
        <v>13</v>
      </c>
    </row>
    <row r="59" spans="1:11" ht="20.100000000000001" customHeight="1">
      <c r="A59" s="17" t="s">
        <v>115</v>
      </c>
      <c r="B59" s="17"/>
      <c r="C59" s="13">
        <v>419</v>
      </c>
      <c r="D59" s="14">
        <v>218</v>
      </c>
      <c r="E59" s="14">
        <v>201</v>
      </c>
      <c r="F59" s="14"/>
      <c r="G59" s="18" t="s">
        <v>116</v>
      </c>
      <c r="H59" s="17"/>
      <c r="I59" s="13">
        <v>37</v>
      </c>
      <c r="J59" s="14">
        <v>6</v>
      </c>
      <c r="K59" s="14">
        <v>31</v>
      </c>
    </row>
    <row r="60" spans="1:11" ht="15" customHeight="1">
      <c r="A60" s="17" t="s">
        <v>117</v>
      </c>
      <c r="B60" s="17"/>
      <c r="C60" s="13">
        <v>60</v>
      </c>
      <c r="D60" s="19">
        <v>31</v>
      </c>
      <c r="E60" s="19">
        <v>29</v>
      </c>
      <c r="F60" s="19"/>
      <c r="G60" s="18" t="s">
        <v>118</v>
      </c>
      <c r="H60" s="17"/>
      <c r="I60" s="13">
        <v>11</v>
      </c>
      <c r="J60" s="19">
        <v>3</v>
      </c>
      <c r="K60" s="19">
        <v>8</v>
      </c>
    </row>
    <row r="61" spans="1:11" ht="15" customHeight="1">
      <c r="A61" s="17" t="s">
        <v>119</v>
      </c>
      <c r="B61" s="17"/>
      <c r="C61" s="13">
        <v>82</v>
      </c>
      <c r="D61" s="19">
        <v>41</v>
      </c>
      <c r="E61" s="19">
        <v>41</v>
      </c>
      <c r="F61" s="19"/>
      <c r="G61" s="18" t="s">
        <v>120</v>
      </c>
      <c r="H61" s="17"/>
      <c r="I61" s="13">
        <v>13</v>
      </c>
      <c r="J61" s="19">
        <v>1</v>
      </c>
      <c r="K61" s="19">
        <v>12</v>
      </c>
    </row>
    <row r="62" spans="1:11" ht="15" customHeight="1">
      <c r="A62" s="17" t="s">
        <v>121</v>
      </c>
      <c r="B62" s="17"/>
      <c r="C62" s="13">
        <v>101</v>
      </c>
      <c r="D62" s="19">
        <v>54</v>
      </c>
      <c r="E62" s="19">
        <v>47</v>
      </c>
      <c r="F62" s="19"/>
      <c r="G62" s="18" t="s">
        <v>122</v>
      </c>
      <c r="H62" s="17"/>
      <c r="I62" s="13">
        <v>7</v>
      </c>
      <c r="J62" s="19">
        <v>1</v>
      </c>
      <c r="K62" s="19">
        <v>6</v>
      </c>
    </row>
    <row r="63" spans="1:11" ht="15" customHeight="1">
      <c r="A63" s="17" t="s">
        <v>123</v>
      </c>
      <c r="B63" s="17"/>
      <c r="C63" s="13">
        <v>88</v>
      </c>
      <c r="D63" s="19">
        <v>46</v>
      </c>
      <c r="E63" s="19">
        <v>42</v>
      </c>
      <c r="F63" s="19"/>
      <c r="G63" s="18" t="s">
        <v>124</v>
      </c>
      <c r="H63" s="17"/>
      <c r="I63" s="13">
        <v>3</v>
      </c>
      <c r="J63" s="19">
        <v>0</v>
      </c>
      <c r="K63" s="19">
        <v>3</v>
      </c>
    </row>
    <row r="64" spans="1:11" ht="15" customHeight="1">
      <c r="A64" s="17" t="s">
        <v>125</v>
      </c>
      <c r="B64" s="17"/>
      <c r="C64" s="13">
        <v>88</v>
      </c>
      <c r="D64" s="19">
        <v>46</v>
      </c>
      <c r="E64" s="19">
        <v>42</v>
      </c>
      <c r="F64" s="19"/>
      <c r="G64" s="18" t="s">
        <v>126</v>
      </c>
      <c r="H64" s="17"/>
      <c r="I64" s="13">
        <v>3</v>
      </c>
      <c r="J64" s="19">
        <v>1</v>
      </c>
      <c r="K64" s="19">
        <v>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</v>
      </c>
      <c r="J65" s="19">
        <v>1</v>
      </c>
      <c r="K65" s="19">
        <v>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</v>
      </c>
      <c r="J66" s="29">
        <v>4</v>
      </c>
      <c r="K66" s="29">
        <v>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91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383</v>
      </c>
      <c r="D4" s="14">
        <v>10865</v>
      </c>
      <c r="E4" s="14">
        <v>1251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90</v>
      </c>
      <c r="D5" s="14">
        <v>216</v>
      </c>
      <c r="E5" s="14">
        <v>174</v>
      </c>
      <c r="F5" s="14"/>
      <c r="G5" s="18" t="s">
        <v>8</v>
      </c>
      <c r="H5" s="17"/>
      <c r="I5" s="13">
        <v>1616</v>
      </c>
      <c r="J5" s="14">
        <v>776</v>
      </c>
      <c r="K5" s="14">
        <v>840</v>
      </c>
    </row>
    <row r="6" spans="1:11" ht="15" customHeight="1">
      <c r="A6" s="17" t="s">
        <v>9</v>
      </c>
      <c r="B6" s="17"/>
      <c r="C6" s="13">
        <v>63</v>
      </c>
      <c r="D6" s="19">
        <v>38</v>
      </c>
      <c r="E6" s="19">
        <v>25</v>
      </c>
      <c r="F6" s="19"/>
      <c r="G6" s="18" t="s">
        <v>10</v>
      </c>
      <c r="H6" s="17"/>
      <c r="I6" s="13">
        <v>339</v>
      </c>
      <c r="J6" s="19">
        <v>171</v>
      </c>
      <c r="K6" s="19">
        <v>168</v>
      </c>
    </row>
    <row r="7" spans="1:11" ht="15" customHeight="1">
      <c r="A7" s="17" t="s">
        <v>11</v>
      </c>
      <c r="B7" s="17"/>
      <c r="C7" s="13">
        <v>80</v>
      </c>
      <c r="D7" s="19">
        <v>45</v>
      </c>
      <c r="E7" s="19">
        <v>35</v>
      </c>
      <c r="F7" s="19"/>
      <c r="G7" s="18" t="s">
        <v>12</v>
      </c>
      <c r="H7" s="17"/>
      <c r="I7" s="13">
        <v>366</v>
      </c>
      <c r="J7" s="19">
        <v>177</v>
      </c>
      <c r="K7" s="19">
        <v>189</v>
      </c>
    </row>
    <row r="8" spans="1:11" ht="15" customHeight="1">
      <c r="A8" s="17" t="s">
        <v>13</v>
      </c>
      <c r="B8" s="17"/>
      <c r="C8" s="13">
        <v>82</v>
      </c>
      <c r="D8" s="19">
        <v>39</v>
      </c>
      <c r="E8" s="19">
        <v>43</v>
      </c>
      <c r="F8" s="19"/>
      <c r="G8" s="18" t="s">
        <v>14</v>
      </c>
      <c r="H8" s="17"/>
      <c r="I8" s="13">
        <v>312</v>
      </c>
      <c r="J8" s="19">
        <v>146</v>
      </c>
      <c r="K8" s="19">
        <v>166</v>
      </c>
    </row>
    <row r="9" spans="1:11" ht="15" customHeight="1">
      <c r="A9" s="17" t="s">
        <v>15</v>
      </c>
      <c r="B9" s="17"/>
      <c r="C9" s="13">
        <v>74</v>
      </c>
      <c r="D9" s="19">
        <v>40</v>
      </c>
      <c r="E9" s="19">
        <v>34</v>
      </c>
      <c r="F9" s="19"/>
      <c r="G9" s="18" t="s">
        <v>16</v>
      </c>
      <c r="H9" s="17"/>
      <c r="I9" s="13">
        <v>345</v>
      </c>
      <c r="J9" s="19">
        <v>157</v>
      </c>
      <c r="K9" s="19">
        <v>188</v>
      </c>
    </row>
    <row r="10" spans="1:11" ht="15" customHeight="1">
      <c r="A10" s="17" t="s">
        <v>17</v>
      </c>
      <c r="B10" s="17"/>
      <c r="C10" s="13">
        <v>91</v>
      </c>
      <c r="D10" s="19">
        <v>54</v>
      </c>
      <c r="E10" s="19">
        <v>37</v>
      </c>
      <c r="F10" s="19"/>
      <c r="G10" s="18" t="s">
        <v>18</v>
      </c>
      <c r="H10" s="17"/>
      <c r="I10" s="13">
        <v>254</v>
      </c>
      <c r="J10" s="19">
        <v>125</v>
      </c>
      <c r="K10" s="19">
        <v>129</v>
      </c>
    </row>
    <row r="11" spans="1:11" ht="20.100000000000001" customHeight="1">
      <c r="A11" s="17" t="s">
        <v>19</v>
      </c>
      <c r="B11" s="17"/>
      <c r="C11" s="13">
        <v>572</v>
      </c>
      <c r="D11" s="14">
        <v>304</v>
      </c>
      <c r="E11" s="14">
        <v>268</v>
      </c>
      <c r="F11" s="14"/>
      <c r="G11" s="18" t="s">
        <v>20</v>
      </c>
      <c r="H11" s="17"/>
      <c r="I11" s="13">
        <v>1658</v>
      </c>
      <c r="J11" s="14">
        <v>844</v>
      </c>
      <c r="K11" s="14">
        <v>814</v>
      </c>
    </row>
    <row r="12" spans="1:11" ht="15" customHeight="1">
      <c r="A12" s="17" t="s">
        <v>21</v>
      </c>
      <c r="B12" s="17"/>
      <c r="C12" s="13">
        <v>101</v>
      </c>
      <c r="D12" s="19">
        <v>57</v>
      </c>
      <c r="E12" s="19">
        <v>44</v>
      </c>
      <c r="F12" s="19"/>
      <c r="G12" s="18" t="s">
        <v>22</v>
      </c>
      <c r="H12" s="17"/>
      <c r="I12" s="13">
        <v>371</v>
      </c>
      <c r="J12" s="19">
        <v>191</v>
      </c>
      <c r="K12" s="19">
        <v>180</v>
      </c>
    </row>
    <row r="13" spans="1:11" ht="15" customHeight="1">
      <c r="A13" s="17" t="s">
        <v>23</v>
      </c>
      <c r="B13" s="17"/>
      <c r="C13" s="13">
        <v>96</v>
      </c>
      <c r="D13" s="19">
        <v>53</v>
      </c>
      <c r="E13" s="19">
        <v>43</v>
      </c>
      <c r="F13" s="19"/>
      <c r="G13" s="18" t="s">
        <v>24</v>
      </c>
      <c r="H13" s="17"/>
      <c r="I13" s="13">
        <v>304</v>
      </c>
      <c r="J13" s="19">
        <v>164</v>
      </c>
      <c r="K13" s="19">
        <v>140</v>
      </c>
    </row>
    <row r="14" spans="1:11" ht="15" customHeight="1">
      <c r="A14" s="17" t="s">
        <v>25</v>
      </c>
      <c r="B14" s="17"/>
      <c r="C14" s="13">
        <v>113</v>
      </c>
      <c r="D14" s="19">
        <v>65</v>
      </c>
      <c r="E14" s="19">
        <v>48</v>
      </c>
      <c r="F14" s="19"/>
      <c r="G14" s="18" t="s">
        <v>26</v>
      </c>
      <c r="H14" s="17"/>
      <c r="I14" s="13">
        <v>342</v>
      </c>
      <c r="J14" s="19">
        <v>165</v>
      </c>
      <c r="K14" s="19">
        <v>177</v>
      </c>
    </row>
    <row r="15" spans="1:11" ht="15" customHeight="1">
      <c r="A15" s="17" t="s">
        <v>27</v>
      </c>
      <c r="B15" s="17"/>
      <c r="C15" s="13">
        <v>120</v>
      </c>
      <c r="D15" s="19">
        <v>60</v>
      </c>
      <c r="E15" s="19">
        <v>60</v>
      </c>
      <c r="F15" s="19"/>
      <c r="G15" s="18" t="s">
        <v>28</v>
      </c>
      <c r="H15" s="17"/>
      <c r="I15" s="13">
        <v>321</v>
      </c>
      <c r="J15" s="19">
        <v>160</v>
      </c>
      <c r="K15" s="19">
        <v>161</v>
      </c>
    </row>
    <row r="16" spans="1:11" ht="15" customHeight="1">
      <c r="A16" s="17" t="s">
        <v>29</v>
      </c>
      <c r="B16" s="17"/>
      <c r="C16" s="13">
        <v>142</v>
      </c>
      <c r="D16" s="19">
        <v>69</v>
      </c>
      <c r="E16" s="19">
        <v>73</v>
      </c>
      <c r="F16" s="19"/>
      <c r="G16" s="18" t="s">
        <v>30</v>
      </c>
      <c r="H16" s="17"/>
      <c r="I16" s="13">
        <v>320</v>
      </c>
      <c r="J16" s="19">
        <v>164</v>
      </c>
      <c r="K16" s="19">
        <v>156</v>
      </c>
    </row>
    <row r="17" spans="1:11" ht="20.100000000000001" customHeight="1">
      <c r="A17" s="20" t="s">
        <v>31</v>
      </c>
      <c r="B17" s="20"/>
      <c r="C17" s="13">
        <v>752</v>
      </c>
      <c r="D17" s="14">
        <v>393</v>
      </c>
      <c r="E17" s="14">
        <v>359</v>
      </c>
      <c r="F17" s="14"/>
      <c r="G17" s="18" t="s">
        <v>32</v>
      </c>
      <c r="H17" s="17"/>
      <c r="I17" s="13">
        <v>1598</v>
      </c>
      <c r="J17" s="14">
        <v>802</v>
      </c>
      <c r="K17" s="14">
        <v>796</v>
      </c>
    </row>
    <row r="18" spans="1:11" ht="15" customHeight="1">
      <c r="A18" s="17" t="s">
        <v>33</v>
      </c>
      <c r="B18" s="17"/>
      <c r="C18" s="13">
        <v>152</v>
      </c>
      <c r="D18" s="19">
        <v>78</v>
      </c>
      <c r="E18" s="19">
        <v>74</v>
      </c>
      <c r="F18" s="19"/>
      <c r="G18" s="18" t="s">
        <v>34</v>
      </c>
      <c r="H18" s="17"/>
      <c r="I18" s="13">
        <v>259</v>
      </c>
      <c r="J18" s="19">
        <v>127</v>
      </c>
      <c r="K18" s="19">
        <v>132</v>
      </c>
    </row>
    <row r="19" spans="1:11" ht="15" customHeight="1">
      <c r="A19" s="17" t="s">
        <v>35</v>
      </c>
      <c r="B19" s="17"/>
      <c r="C19" s="13">
        <v>135</v>
      </c>
      <c r="D19" s="19">
        <v>66</v>
      </c>
      <c r="E19" s="19">
        <v>69</v>
      </c>
      <c r="F19" s="19"/>
      <c r="G19" s="18" t="s">
        <v>36</v>
      </c>
      <c r="H19" s="17"/>
      <c r="I19" s="13">
        <v>352</v>
      </c>
      <c r="J19" s="19">
        <v>169</v>
      </c>
      <c r="K19" s="19">
        <v>183</v>
      </c>
    </row>
    <row r="20" spans="1:11" ht="15" customHeight="1">
      <c r="A20" s="17" t="s">
        <v>37</v>
      </c>
      <c r="B20" s="17"/>
      <c r="C20" s="13">
        <v>154</v>
      </c>
      <c r="D20" s="19">
        <v>81</v>
      </c>
      <c r="E20" s="19">
        <v>73</v>
      </c>
      <c r="F20" s="19"/>
      <c r="G20" s="18" t="s">
        <v>38</v>
      </c>
      <c r="H20" s="17"/>
      <c r="I20" s="13">
        <v>377</v>
      </c>
      <c r="J20" s="19">
        <v>200</v>
      </c>
      <c r="K20" s="19">
        <v>177</v>
      </c>
    </row>
    <row r="21" spans="1:11" ht="15" customHeight="1">
      <c r="A21" s="17" t="s">
        <v>39</v>
      </c>
      <c r="B21" s="17"/>
      <c r="C21" s="13">
        <v>150</v>
      </c>
      <c r="D21" s="19">
        <v>70</v>
      </c>
      <c r="E21" s="19">
        <v>80</v>
      </c>
      <c r="F21" s="19"/>
      <c r="G21" s="18" t="s">
        <v>40</v>
      </c>
      <c r="H21" s="17"/>
      <c r="I21" s="13">
        <v>292</v>
      </c>
      <c r="J21" s="19">
        <v>142</v>
      </c>
      <c r="K21" s="19">
        <v>150</v>
      </c>
    </row>
    <row r="22" spans="1:11" ht="15" customHeight="1">
      <c r="A22" s="17" t="s">
        <v>41</v>
      </c>
      <c r="B22" s="17"/>
      <c r="C22" s="13">
        <v>161</v>
      </c>
      <c r="D22" s="19">
        <v>98</v>
      </c>
      <c r="E22" s="19">
        <v>63</v>
      </c>
      <c r="F22" s="19"/>
      <c r="G22" s="18" t="s">
        <v>42</v>
      </c>
      <c r="H22" s="17"/>
      <c r="I22" s="13">
        <v>318</v>
      </c>
      <c r="J22" s="19">
        <v>164</v>
      </c>
      <c r="K22" s="19">
        <v>154</v>
      </c>
    </row>
    <row r="23" spans="1:11" ht="20.100000000000001" customHeight="1">
      <c r="A23" s="17" t="s">
        <v>43</v>
      </c>
      <c r="B23" s="17"/>
      <c r="C23" s="13">
        <v>859</v>
      </c>
      <c r="D23" s="14">
        <v>437</v>
      </c>
      <c r="E23" s="14">
        <v>422</v>
      </c>
      <c r="F23" s="14"/>
      <c r="G23" s="18" t="s">
        <v>44</v>
      </c>
      <c r="H23" s="17"/>
      <c r="I23" s="13">
        <v>1974</v>
      </c>
      <c r="J23" s="14">
        <v>896</v>
      </c>
      <c r="K23" s="14">
        <v>1078</v>
      </c>
    </row>
    <row r="24" spans="1:11" ht="15" customHeight="1">
      <c r="A24" s="17" t="s">
        <v>45</v>
      </c>
      <c r="B24" s="17"/>
      <c r="C24" s="13">
        <v>146</v>
      </c>
      <c r="D24" s="19">
        <v>76</v>
      </c>
      <c r="E24" s="19">
        <v>70</v>
      </c>
      <c r="F24" s="19"/>
      <c r="G24" s="18" t="s">
        <v>46</v>
      </c>
      <c r="H24" s="17"/>
      <c r="I24" s="13">
        <v>366</v>
      </c>
      <c r="J24" s="19">
        <v>174</v>
      </c>
      <c r="K24" s="19">
        <v>192</v>
      </c>
    </row>
    <row r="25" spans="1:11" ht="15" customHeight="1">
      <c r="A25" s="17" t="s">
        <v>47</v>
      </c>
      <c r="B25" s="17"/>
      <c r="C25" s="13">
        <v>171</v>
      </c>
      <c r="D25" s="19">
        <v>94</v>
      </c>
      <c r="E25" s="19">
        <v>77</v>
      </c>
      <c r="F25" s="19"/>
      <c r="G25" s="18" t="s">
        <v>48</v>
      </c>
      <c r="H25" s="17"/>
      <c r="I25" s="13">
        <v>355</v>
      </c>
      <c r="J25" s="19">
        <v>161</v>
      </c>
      <c r="K25" s="19">
        <v>194</v>
      </c>
    </row>
    <row r="26" spans="1:11" ht="15" customHeight="1">
      <c r="A26" s="17" t="s">
        <v>49</v>
      </c>
      <c r="B26" s="17"/>
      <c r="C26" s="13">
        <v>181</v>
      </c>
      <c r="D26" s="19">
        <v>87</v>
      </c>
      <c r="E26" s="19">
        <v>94</v>
      </c>
      <c r="F26" s="19"/>
      <c r="G26" s="18" t="s">
        <v>50</v>
      </c>
      <c r="H26" s="17"/>
      <c r="I26" s="13">
        <v>369</v>
      </c>
      <c r="J26" s="19">
        <v>170</v>
      </c>
      <c r="K26" s="19">
        <v>199</v>
      </c>
    </row>
    <row r="27" spans="1:11" ht="15" customHeight="1">
      <c r="A27" s="17" t="s">
        <v>51</v>
      </c>
      <c r="B27" s="17"/>
      <c r="C27" s="13">
        <v>173</v>
      </c>
      <c r="D27" s="19">
        <v>95</v>
      </c>
      <c r="E27" s="19">
        <v>78</v>
      </c>
      <c r="F27" s="19"/>
      <c r="G27" s="18" t="s">
        <v>52</v>
      </c>
      <c r="H27" s="17"/>
      <c r="I27" s="13">
        <v>439</v>
      </c>
      <c r="J27" s="19">
        <v>194</v>
      </c>
      <c r="K27" s="19">
        <v>245</v>
      </c>
    </row>
    <row r="28" spans="1:11" ht="15" customHeight="1">
      <c r="A28" s="17" t="s">
        <v>53</v>
      </c>
      <c r="B28" s="17"/>
      <c r="C28" s="13">
        <v>188</v>
      </c>
      <c r="D28" s="19">
        <v>85</v>
      </c>
      <c r="E28" s="19">
        <v>103</v>
      </c>
      <c r="F28" s="19"/>
      <c r="G28" s="18" t="s">
        <v>54</v>
      </c>
      <c r="H28" s="17"/>
      <c r="I28" s="13">
        <v>445</v>
      </c>
      <c r="J28" s="19">
        <v>197</v>
      </c>
      <c r="K28" s="19">
        <v>248</v>
      </c>
    </row>
    <row r="29" spans="1:11" ht="20.100000000000001" customHeight="1">
      <c r="A29" s="17" t="s">
        <v>55</v>
      </c>
      <c r="B29" s="17"/>
      <c r="C29" s="13">
        <v>866</v>
      </c>
      <c r="D29" s="14">
        <v>434</v>
      </c>
      <c r="E29" s="14">
        <v>432</v>
      </c>
      <c r="F29" s="14"/>
      <c r="G29" s="18" t="s">
        <v>56</v>
      </c>
      <c r="H29" s="17"/>
      <c r="I29" s="13">
        <v>2459</v>
      </c>
      <c r="J29" s="14">
        <v>1131</v>
      </c>
      <c r="K29" s="14">
        <v>1328</v>
      </c>
    </row>
    <row r="30" spans="1:11" ht="15" customHeight="1">
      <c r="A30" s="17" t="s">
        <v>57</v>
      </c>
      <c r="B30" s="17"/>
      <c r="C30" s="13">
        <v>162</v>
      </c>
      <c r="D30" s="19">
        <v>67</v>
      </c>
      <c r="E30" s="19">
        <v>95</v>
      </c>
      <c r="F30" s="19"/>
      <c r="G30" s="18" t="s">
        <v>58</v>
      </c>
      <c r="H30" s="17"/>
      <c r="I30" s="13">
        <v>444</v>
      </c>
      <c r="J30" s="19">
        <v>209</v>
      </c>
      <c r="K30" s="19">
        <v>235</v>
      </c>
    </row>
    <row r="31" spans="1:11" ht="15" customHeight="1">
      <c r="A31" s="17" t="s">
        <v>59</v>
      </c>
      <c r="B31" s="17"/>
      <c r="C31" s="13">
        <v>165</v>
      </c>
      <c r="D31" s="19">
        <v>80</v>
      </c>
      <c r="E31" s="19">
        <v>85</v>
      </c>
      <c r="F31" s="19"/>
      <c r="G31" s="18" t="s">
        <v>60</v>
      </c>
      <c r="H31" s="17"/>
      <c r="I31" s="13">
        <v>572</v>
      </c>
      <c r="J31" s="19">
        <v>270</v>
      </c>
      <c r="K31" s="19">
        <v>302</v>
      </c>
    </row>
    <row r="32" spans="1:11" ht="15" customHeight="1">
      <c r="A32" s="17" t="s">
        <v>61</v>
      </c>
      <c r="B32" s="17"/>
      <c r="C32" s="13">
        <v>185</v>
      </c>
      <c r="D32" s="19">
        <v>94</v>
      </c>
      <c r="E32" s="19">
        <v>91</v>
      </c>
      <c r="F32" s="19"/>
      <c r="G32" s="18" t="s">
        <v>62</v>
      </c>
      <c r="H32" s="17"/>
      <c r="I32" s="13">
        <v>544</v>
      </c>
      <c r="J32" s="19">
        <v>260</v>
      </c>
      <c r="K32" s="19">
        <v>284</v>
      </c>
    </row>
    <row r="33" spans="1:11" ht="15" customHeight="1">
      <c r="A33" s="17" t="s">
        <v>63</v>
      </c>
      <c r="B33" s="17"/>
      <c r="C33" s="13">
        <v>196</v>
      </c>
      <c r="D33" s="19">
        <v>111</v>
      </c>
      <c r="E33" s="19">
        <v>85</v>
      </c>
      <c r="F33" s="19"/>
      <c r="G33" s="18" t="s">
        <v>64</v>
      </c>
      <c r="H33" s="17"/>
      <c r="I33" s="13">
        <v>521</v>
      </c>
      <c r="J33" s="19">
        <v>232</v>
      </c>
      <c r="K33" s="19">
        <v>289</v>
      </c>
    </row>
    <row r="34" spans="1:11" ht="15" customHeight="1">
      <c r="A34" s="17" t="s">
        <v>65</v>
      </c>
      <c r="B34" s="17"/>
      <c r="C34" s="13">
        <v>158</v>
      </c>
      <c r="D34" s="19">
        <v>82</v>
      </c>
      <c r="E34" s="19">
        <v>76</v>
      </c>
      <c r="F34" s="19"/>
      <c r="G34" s="18" t="s">
        <v>66</v>
      </c>
      <c r="H34" s="17"/>
      <c r="I34" s="13">
        <v>378</v>
      </c>
      <c r="J34" s="19">
        <v>160</v>
      </c>
      <c r="K34" s="19">
        <v>218</v>
      </c>
    </row>
    <row r="35" spans="1:11" ht="20.100000000000001" customHeight="1">
      <c r="A35" s="17" t="s">
        <v>67</v>
      </c>
      <c r="B35" s="17"/>
      <c r="C35" s="13">
        <v>710</v>
      </c>
      <c r="D35" s="14">
        <v>368</v>
      </c>
      <c r="E35" s="14">
        <v>342</v>
      </c>
      <c r="F35" s="14"/>
      <c r="G35" s="18" t="s">
        <v>68</v>
      </c>
      <c r="H35" s="17"/>
      <c r="I35" s="13">
        <v>2164</v>
      </c>
      <c r="J35" s="14">
        <v>917</v>
      </c>
      <c r="K35" s="14">
        <v>1247</v>
      </c>
    </row>
    <row r="36" spans="1:11" ht="15" customHeight="1">
      <c r="A36" s="17" t="s">
        <v>69</v>
      </c>
      <c r="B36" s="17"/>
      <c r="C36" s="13">
        <v>152</v>
      </c>
      <c r="D36" s="19">
        <v>75</v>
      </c>
      <c r="E36" s="19">
        <v>77</v>
      </c>
      <c r="F36" s="19"/>
      <c r="G36" s="18" t="s">
        <v>70</v>
      </c>
      <c r="H36" s="17"/>
      <c r="I36" s="13">
        <v>343</v>
      </c>
      <c r="J36" s="19">
        <v>146</v>
      </c>
      <c r="K36" s="19">
        <v>197</v>
      </c>
    </row>
    <row r="37" spans="1:11" ht="15" customHeight="1">
      <c r="A37" s="17" t="s">
        <v>71</v>
      </c>
      <c r="B37" s="17"/>
      <c r="C37" s="13">
        <v>152</v>
      </c>
      <c r="D37" s="19">
        <v>90</v>
      </c>
      <c r="E37" s="19">
        <v>62</v>
      </c>
      <c r="F37" s="19"/>
      <c r="G37" s="18" t="s">
        <v>72</v>
      </c>
      <c r="H37" s="17"/>
      <c r="I37" s="13">
        <v>485</v>
      </c>
      <c r="J37" s="19">
        <v>218</v>
      </c>
      <c r="K37" s="19">
        <v>267</v>
      </c>
    </row>
    <row r="38" spans="1:11" ht="15" customHeight="1">
      <c r="A38" s="17" t="s">
        <v>73</v>
      </c>
      <c r="B38" s="17"/>
      <c r="C38" s="13">
        <v>127</v>
      </c>
      <c r="D38" s="19">
        <v>61</v>
      </c>
      <c r="E38" s="19">
        <v>66</v>
      </c>
      <c r="F38" s="19"/>
      <c r="G38" s="18" t="s">
        <v>74</v>
      </c>
      <c r="H38" s="17"/>
      <c r="I38" s="13">
        <v>474</v>
      </c>
      <c r="J38" s="19">
        <v>204</v>
      </c>
      <c r="K38" s="19">
        <v>270</v>
      </c>
    </row>
    <row r="39" spans="1:11" ht="15" customHeight="1">
      <c r="A39" s="17" t="s">
        <v>75</v>
      </c>
      <c r="B39" s="17"/>
      <c r="C39" s="13">
        <v>136</v>
      </c>
      <c r="D39" s="19">
        <v>68</v>
      </c>
      <c r="E39" s="19">
        <v>68</v>
      </c>
      <c r="F39" s="19"/>
      <c r="G39" s="18" t="s">
        <v>76</v>
      </c>
      <c r="H39" s="17"/>
      <c r="I39" s="13">
        <v>429</v>
      </c>
      <c r="J39" s="19">
        <v>181</v>
      </c>
      <c r="K39" s="19">
        <v>248</v>
      </c>
    </row>
    <row r="40" spans="1:11" ht="15" customHeight="1">
      <c r="A40" s="17" t="s">
        <v>77</v>
      </c>
      <c r="B40" s="17"/>
      <c r="C40" s="13">
        <v>143</v>
      </c>
      <c r="D40" s="19">
        <v>74</v>
      </c>
      <c r="E40" s="19">
        <v>69</v>
      </c>
      <c r="F40" s="19"/>
      <c r="G40" s="18" t="s">
        <v>78</v>
      </c>
      <c r="H40" s="17"/>
      <c r="I40" s="13">
        <v>433</v>
      </c>
      <c r="J40" s="19">
        <v>168</v>
      </c>
      <c r="K40" s="19">
        <v>265</v>
      </c>
    </row>
    <row r="41" spans="1:11" ht="20.100000000000001" customHeight="1">
      <c r="A41" s="17" t="s">
        <v>79</v>
      </c>
      <c r="B41" s="17"/>
      <c r="C41" s="13">
        <v>696</v>
      </c>
      <c r="D41" s="14">
        <v>372</v>
      </c>
      <c r="E41" s="14">
        <v>324</v>
      </c>
      <c r="F41" s="14"/>
      <c r="G41" s="18" t="s">
        <v>80</v>
      </c>
      <c r="H41" s="17"/>
      <c r="I41" s="13">
        <v>1613</v>
      </c>
      <c r="J41" s="14">
        <v>637</v>
      </c>
      <c r="K41" s="14">
        <v>976</v>
      </c>
    </row>
    <row r="42" spans="1:11" ht="15" customHeight="1">
      <c r="A42" s="17" t="s">
        <v>81</v>
      </c>
      <c r="B42" s="17"/>
      <c r="C42" s="13">
        <v>146</v>
      </c>
      <c r="D42" s="19">
        <v>83</v>
      </c>
      <c r="E42" s="19">
        <v>63</v>
      </c>
      <c r="F42" s="19"/>
      <c r="G42" s="18" t="s">
        <v>82</v>
      </c>
      <c r="H42" s="17"/>
      <c r="I42" s="13">
        <v>355</v>
      </c>
      <c r="J42" s="19">
        <v>141</v>
      </c>
      <c r="K42" s="19">
        <v>214</v>
      </c>
    </row>
    <row r="43" spans="1:11" ht="15" customHeight="1">
      <c r="A43" s="17" t="s">
        <v>83</v>
      </c>
      <c r="B43" s="17"/>
      <c r="C43" s="13">
        <v>140</v>
      </c>
      <c r="D43" s="19">
        <v>75</v>
      </c>
      <c r="E43" s="19">
        <v>65</v>
      </c>
      <c r="F43" s="19"/>
      <c r="G43" s="18" t="s">
        <v>84</v>
      </c>
      <c r="H43" s="17"/>
      <c r="I43" s="13">
        <v>316</v>
      </c>
      <c r="J43" s="19">
        <v>125</v>
      </c>
      <c r="K43" s="19">
        <v>191</v>
      </c>
    </row>
    <row r="44" spans="1:11" ht="15" customHeight="1">
      <c r="A44" s="17" t="s">
        <v>85</v>
      </c>
      <c r="B44" s="17"/>
      <c r="C44" s="13">
        <v>130</v>
      </c>
      <c r="D44" s="19">
        <v>63</v>
      </c>
      <c r="E44" s="19">
        <v>67</v>
      </c>
      <c r="F44" s="19"/>
      <c r="G44" s="18" t="s">
        <v>86</v>
      </c>
      <c r="H44" s="17"/>
      <c r="I44" s="13">
        <v>338</v>
      </c>
      <c r="J44" s="19">
        <v>129</v>
      </c>
      <c r="K44" s="19">
        <v>209</v>
      </c>
    </row>
    <row r="45" spans="1:11" ht="15" customHeight="1">
      <c r="A45" s="17" t="s">
        <v>87</v>
      </c>
      <c r="B45" s="17"/>
      <c r="C45" s="13">
        <v>125</v>
      </c>
      <c r="D45" s="19">
        <v>65</v>
      </c>
      <c r="E45" s="19">
        <v>60</v>
      </c>
      <c r="F45" s="19"/>
      <c r="G45" s="18" t="s">
        <v>88</v>
      </c>
      <c r="H45" s="17"/>
      <c r="I45" s="13">
        <v>320</v>
      </c>
      <c r="J45" s="19">
        <v>128</v>
      </c>
      <c r="K45" s="19">
        <v>192</v>
      </c>
    </row>
    <row r="46" spans="1:11" ht="15" customHeight="1">
      <c r="A46" s="17" t="s">
        <v>89</v>
      </c>
      <c r="B46" s="17"/>
      <c r="C46" s="13">
        <v>155</v>
      </c>
      <c r="D46" s="19">
        <v>86</v>
      </c>
      <c r="E46" s="19">
        <v>69</v>
      </c>
      <c r="F46" s="19"/>
      <c r="G46" s="18" t="s">
        <v>90</v>
      </c>
      <c r="H46" s="17"/>
      <c r="I46" s="13">
        <v>284</v>
      </c>
      <c r="J46" s="19">
        <v>114</v>
      </c>
      <c r="K46" s="19">
        <v>170</v>
      </c>
    </row>
    <row r="47" spans="1:11" ht="20.100000000000001" customHeight="1">
      <c r="A47" s="17" t="s">
        <v>91</v>
      </c>
      <c r="B47" s="17"/>
      <c r="C47" s="13">
        <v>784</v>
      </c>
      <c r="D47" s="14">
        <v>369</v>
      </c>
      <c r="E47" s="14">
        <v>415</v>
      </c>
      <c r="F47" s="14"/>
      <c r="G47" s="18" t="s">
        <v>92</v>
      </c>
      <c r="H47" s="17"/>
      <c r="I47" s="13">
        <v>1041</v>
      </c>
      <c r="J47" s="14">
        <v>348</v>
      </c>
      <c r="K47" s="14">
        <v>693</v>
      </c>
    </row>
    <row r="48" spans="1:11" ht="15" customHeight="1">
      <c r="A48" s="17" t="s">
        <v>93</v>
      </c>
      <c r="B48" s="17"/>
      <c r="C48" s="13">
        <v>139</v>
      </c>
      <c r="D48" s="19">
        <v>65</v>
      </c>
      <c r="E48" s="19">
        <v>74</v>
      </c>
      <c r="F48" s="19"/>
      <c r="G48" s="18" t="s">
        <v>94</v>
      </c>
      <c r="H48" s="17"/>
      <c r="I48" s="13">
        <v>273</v>
      </c>
      <c r="J48" s="19">
        <v>108</v>
      </c>
      <c r="K48" s="19">
        <v>165</v>
      </c>
    </row>
    <row r="49" spans="1:11" ht="15" customHeight="1">
      <c r="A49" s="17" t="s">
        <v>95</v>
      </c>
      <c r="B49" s="17"/>
      <c r="C49" s="13">
        <v>151</v>
      </c>
      <c r="D49" s="19">
        <v>66</v>
      </c>
      <c r="E49" s="19">
        <v>85</v>
      </c>
      <c r="F49" s="19"/>
      <c r="G49" s="18" t="s">
        <v>96</v>
      </c>
      <c r="H49" s="17"/>
      <c r="I49" s="13">
        <v>226</v>
      </c>
      <c r="J49" s="19">
        <v>76</v>
      </c>
      <c r="K49" s="19">
        <v>150</v>
      </c>
    </row>
    <row r="50" spans="1:11" ht="15" customHeight="1">
      <c r="A50" s="17" t="s">
        <v>97</v>
      </c>
      <c r="B50" s="17"/>
      <c r="C50" s="13">
        <v>167</v>
      </c>
      <c r="D50" s="19">
        <v>69</v>
      </c>
      <c r="E50" s="19">
        <v>98</v>
      </c>
      <c r="F50" s="19"/>
      <c r="G50" s="18" t="s">
        <v>98</v>
      </c>
      <c r="H50" s="17"/>
      <c r="I50" s="13">
        <v>194</v>
      </c>
      <c r="J50" s="19">
        <v>54</v>
      </c>
      <c r="K50" s="19">
        <v>140</v>
      </c>
    </row>
    <row r="51" spans="1:11" ht="15" customHeight="1">
      <c r="A51" s="17" t="s">
        <v>99</v>
      </c>
      <c r="B51" s="17"/>
      <c r="C51" s="13">
        <v>173</v>
      </c>
      <c r="D51" s="19">
        <v>92</v>
      </c>
      <c r="E51" s="19">
        <v>81</v>
      </c>
      <c r="F51" s="19"/>
      <c r="G51" s="18" t="s">
        <v>100</v>
      </c>
      <c r="H51" s="17"/>
      <c r="I51" s="13">
        <v>188</v>
      </c>
      <c r="J51" s="19">
        <v>60</v>
      </c>
      <c r="K51" s="19">
        <v>128</v>
      </c>
    </row>
    <row r="52" spans="1:11" ht="15" customHeight="1">
      <c r="A52" s="17" t="s">
        <v>101</v>
      </c>
      <c r="B52" s="17"/>
      <c r="C52" s="13">
        <v>154</v>
      </c>
      <c r="D52" s="19">
        <v>77</v>
      </c>
      <c r="E52" s="19">
        <v>77</v>
      </c>
      <c r="F52" s="19"/>
      <c r="G52" s="18" t="s">
        <v>102</v>
      </c>
      <c r="H52" s="17"/>
      <c r="I52" s="13">
        <v>160</v>
      </c>
      <c r="J52" s="19">
        <v>50</v>
      </c>
      <c r="K52" s="19">
        <v>110</v>
      </c>
    </row>
    <row r="53" spans="1:11" ht="20.100000000000001" customHeight="1">
      <c r="A53" s="17" t="s">
        <v>103</v>
      </c>
      <c r="B53" s="17"/>
      <c r="C53" s="13">
        <v>1126</v>
      </c>
      <c r="D53" s="14">
        <v>556</v>
      </c>
      <c r="E53" s="14">
        <v>570</v>
      </c>
      <c r="F53" s="14"/>
      <c r="G53" s="18" t="s">
        <v>104</v>
      </c>
      <c r="H53" s="17"/>
      <c r="I53" s="13">
        <v>526</v>
      </c>
      <c r="J53" s="14">
        <v>134</v>
      </c>
      <c r="K53" s="14">
        <v>392</v>
      </c>
    </row>
    <row r="54" spans="1:11" ht="15" customHeight="1">
      <c r="A54" s="17" t="s">
        <v>105</v>
      </c>
      <c r="B54" s="17"/>
      <c r="C54" s="13">
        <v>206</v>
      </c>
      <c r="D54" s="19">
        <v>106</v>
      </c>
      <c r="E54" s="19">
        <v>100</v>
      </c>
      <c r="F54" s="19"/>
      <c r="G54" s="18" t="s">
        <v>106</v>
      </c>
      <c r="H54" s="17"/>
      <c r="I54" s="13">
        <v>137</v>
      </c>
      <c r="J54" s="19">
        <v>37</v>
      </c>
      <c r="K54" s="19">
        <v>100</v>
      </c>
    </row>
    <row r="55" spans="1:11" ht="15" customHeight="1">
      <c r="A55" s="17" t="s">
        <v>107</v>
      </c>
      <c r="B55" s="17"/>
      <c r="C55" s="13">
        <v>218</v>
      </c>
      <c r="D55" s="19">
        <v>106</v>
      </c>
      <c r="E55" s="19">
        <v>112</v>
      </c>
      <c r="F55" s="19"/>
      <c r="G55" s="18" t="s">
        <v>108</v>
      </c>
      <c r="H55" s="17"/>
      <c r="I55" s="13">
        <v>128</v>
      </c>
      <c r="J55" s="19">
        <v>32</v>
      </c>
      <c r="K55" s="19">
        <v>96</v>
      </c>
    </row>
    <row r="56" spans="1:11" ht="15" customHeight="1">
      <c r="A56" s="17" t="s">
        <v>109</v>
      </c>
      <c r="B56" s="17"/>
      <c r="C56" s="13">
        <v>231</v>
      </c>
      <c r="D56" s="19">
        <v>107</v>
      </c>
      <c r="E56" s="19">
        <v>124</v>
      </c>
      <c r="F56" s="19"/>
      <c r="G56" s="18" t="s">
        <v>110</v>
      </c>
      <c r="H56" s="17"/>
      <c r="I56" s="13">
        <v>104</v>
      </c>
      <c r="J56" s="19">
        <v>24</v>
      </c>
      <c r="K56" s="19">
        <v>80</v>
      </c>
    </row>
    <row r="57" spans="1:11" ht="15" customHeight="1">
      <c r="A57" s="17" t="s">
        <v>111</v>
      </c>
      <c r="B57" s="17"/>
      <c r="C57" s="13">
        <v>217</v>
      </c>
      <c r="D57" s="19">
        <v>108</v>
      </c>
      <c r="E57" s="19">
        <v>109</v>
      </c>
      <c r="F57" s="19"/>
      <c r="G57" s="18" t="s">
        <v>112</v>
      </c>
      <c r="H57" s="17"/>
      <c r="I57" s="13">
        <v>83</v>
      </c>
      <c r="J57" s="19">
        <v>28</v>
      </c>
      <c r="K57" s="19">
        <v>55</v>
      </c>
    </row>
    <row r="58" spans="1:11" ht="15" customHeight="1">
      <c r="A58" s="17" t="s">
        <v>113</v>
      </c>
      <c r="B58" s="17"/>
      <c r="C58" s="13">
        <v>254</v>
      </c>
      <c r="D58" s="19">
        <v>129</v>
      </c>
      <c r="E58" s="19">
        <v>125</v>
      </c>
      <c r="F58" s="19"/>
      <c r="G58" s="18" t="s">
        <v>114</v>
      </c>
      <c r="H58" s="17"/>
      <c r="I58" s="13">
        <v>74</v>
      </c>
      <c r="J58" s="19">
        <v>13</v>
      </c>
      <c r="K58" s="19">
        <v>61</v>
      </c>
    </row>
    <row r="59" spans="1:11" ht="20.100000000000001" customHeight="1">
      <c r="A59" s="17" t="s">
        <v>115</v>
      </c>
      <c r="B59" s="17"/>
      <c r="C59" s="13">
        <v>1548</v>
      </c>
      <c r="D59" s="14">
        <v>798</v>
      </c>
      <c r="E59" s="14">
        <v>750</v>
      </c>
      <c r="F59" s="14"/>
      <c r="G59" s="18" t="s">
        <v>116</v>
      </c>
      <c r="H59" s="17"/>
      <c r="I59" s="13">
        <v>160</v>
      </c>
      <c r="J59" s="14">
        <v>31</v>
      </c>
      <c r="K59" s="14">
        <v>129</v>
      </c>
    </row>
    <row r="60" spans="1:11" ht="15" customHeight="1">
      <c r="A60" s="17" t="s">
        <v>117</v>
      </c>
      <c r="B60" s="17"/>
      <c r="C60" s="13">
        <v>267</v>
      </c>
      <c r="D60" s="19">
        <v>138</v>
      </c>
      <c r="E60" s="19">
        <v>129</v>
      </c>
      <c r="F60" s="19"/>
      <c r="G60" s="18" t="s">
        <v>118</v>
      </c>
      <c r="H60" s="17"/>
      <c r="I60" s="13">
        <v>60</v>
      </c>
      <c r="J60" s="19">
        <v>14</v>
      </c>
      <c r="K60" s="19">
        <v>46</v>
      </c>
    </row>
    <row r="61" spans="1:11" ht="15" customHeight="1">
      <c r="A61" s="17" t="s">
        <v>119</v>
      </c>
      <c r="B61" s="17"/>
      <c r="C61" s="13">
        <v>327</v>
      </c>
      <c r="D61" s="19">
        <v>175</v>
      </c>
      <c r="E61" s="19">
        <v>152</v>
      </c>
      <c r="F61" s="19"/>
      <c r="G61" s="18" t="s">
        <v>120</v>
      </c>
      <c r="H61" s="17"/>
      <c r="I61" s="13">
        <v>40</v>
      </c>
      <c r="J61" s="19">
        <v>5</v>
      </c>
      <c r="K61" s="19">
        <v>35</v>
      </c>
    </row>
    <row r="62" spans="1:11" ht="15" customHeight="1">
      <c r="A62" s="17" t="s">
        <v>121</v>
      </c>
      <c r="B62" s="17"/>
      <c r="C62" s="13">
        <v>316</v>
      </c>
      <c r="D62" s="19">
        <v>163</v>
      </c>
      <c r="E62" s="19">
        <v>153</v>
      </c>
      <c r="F62" s="19"/>
      <c r="G62" s="18" t="s">
        <v>122</v>
      </c>
      <c r="H62" s="17"/>
      <c r="I62" s="13">
        <v>29</v>
      </c>
      <c r="J62" s="19">
        <v>6</v>
      </c>
      <c r="K62" s="19">
        <v>23</v>
      </c>
    </row>
    <row r="63" spans="1:11" ht="15" customHeight="1">
      <c r="A63" s="17" t="s">
        <v>123</v>
      </c>
      <c r="B63" s="17"/>
      <c r="C63" s="13">
        <v>319</v>
      </c>
      <c r="D63" s="19">
        <v>168</v>
      </c>
      <c r="E63" s="19">
        <v>151</v>
      </c>
      <c r="F63" s="19"/>
      <c r="G63" s="18" t="s">
        <v>124</v>
      </c>
      <c r="H63" s="17"/>
      <c r="I63" s="13">
        <v>21</v>
      </c>
      <c r="J63" s="19">
        <v>5</v>
      </c>
      <c r="K63" s="19">
        <v>16</v>
      </c>
    </row>
    <row r="64" spans="1:11" ht="15" customHeight="1">
      <c r="A64" s="17" t="s">
        <v>125</v>
      </c>
      <c r="B64" s="17"/>
      <c r="C64" s="13">
        <v>319</v>
      </c>
      <c r="D64" s="19">
        <v>154</v>
      </c>
      <c r="E64" s="19">
        <v>165</v>
      </c>
      <c r="F64" s="19"/>
      <c r="G64" s="18" t="s">
        <v>126</v>
      </c>
      <c r="H64" s="17"/>
      <c r="I64" s="13">
        <v>10</v>
      </c>
      <c r="J64" s="19">
        <v>1</v>
      </c>
      <c r="K64" s="19">
        <v>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2</v>
      </c>
      <c r="J65" s="19">
        <v>2</v>
      </c>
      <c r="K65" s="19">
        <v>3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39</v>
      </c>
      <c r="J66" s="29">
        <v>100</v>
      </c>
      <c r="K66" s="29">
        <v>13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98096</v>
      </c>
      <c r="D4" s="14">
        <v>98866</v>
      </c>
      <c r="E4" s="14">
        <v>9923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824</v>
      </c>
      <c r="D5" s="14">
        <v>2892</v>
      </c>
      <c r="E5" s="14">
        <v>2932</v>
      </c>
      <c r="F5" s="14"/>
      <c r="G5" s="18" t="s">
        <v>8</v>
      </c>
      <c r="H5" s="17"/>
      <c r="I5" s="13">
        <v>15246</v>
      </c>
      <c r="J5" s="14">
        <v>7924</v>
      </c>
      <c r="K5" s="14">
        <v>7322</v>
      </c>
    </row>
    <row r="6" spans="1:11" ht="15" customHeight="1">
      <c r="A6" s="17" t="s">
        <v>9</v>
      </c>
      <c r="B6" s="17"/>
      <c r="C6" s="13">
        <v>1087</v>
      </c>
      <c r="D6" s="19">
        <v>536</v>
      </c>
      <c r="E6" s="19">
        <v>551</v>
      </c>
      <c r="F6" s="19"/>
      <c r="G6" s="18" t="s">
        <v>10</v>
      </c>
      <c r="H6" s="17"/>
      <c r="I6" s="13">
        <v>3238</v>
      </c>
      <c r="J6" s="19">
        <v>1673</v>
      </c>
      <c r="K6" s="19">
        <v>1565</v>
      </c>
    </row>
    <row r="7" spans="1:11" ht="15" customHeight="1">
      <c r="A7" s="17" t="s">
        <v>11</v>
      </c>
      <c r="B7" s="17"/>
      <c r="C7" s="13">
        <v>1169</v>
      </c>
      <c r="D7" s="19">
        <v>587</v>
      </c>
      <c r="E7" s="19">
        <v>582</v>
      </c>
      <c r="F7" s="19"/>
      <c r="G7" s="18" t="s">
        <v>12</v>
      </c>
      <c r="H7" s="17"/>
      <c r="I7" s="13">
        <v>3252</v>
      </c>
      <c r="J7" s="19">
        <v>1692</v>
      </c>
      <c r="K7" s="19">
        <v>1560</v>
      </c>
    </row>
    <row r="8" spans="1:11" ht="15" customHeight="1">
      <c r="A8" s="17" t="s">
        <v>13</v>
      </c>
      <c r="B8" s="17"/>
      <c r="C8" s="13">
        <v>1112</v>
      </c>
      <c r="D8" s="19">
        <v>550</v>
      </c>
      <c r="E8" s="19">
        <v>562</v>
      </c>
      <c r="F8" s="19"/>
      <c r="G8" s="18" t="s">
        <v>14</v>
      </c>
      <c r="H8" s="17"/>
      <c r="I8" s="13">
        <v>3122</v>
      </c>
      <c r="J8" s="19">
        <v>1619</v>
      </c>
      <c r="K8" s="19">
        <v>1503</v>
      </c>
    </row>
    <row r="9" spans="1:11" ht="15" customHeight="1">
      <c r="A9" s="17" t="s">
        <v>15</v>
      </c>
      <c r="B9" s="17"/>
      <c r="C9" s="13">
        <v>1226</v>
      </c>
      <c r="D9" s="19">
        <v>598</v>
      </c>
      <c r="E9" s="19">
        <v>628</v>
      </c>
      <c r="F9" s="19"/>
      <c r="G9" s="18" t="s">
        <v>16</v>
      </c>
      <c r="H9" s="17"/>
      <c r="I9" s="13">
        <v>3254</v>
      </c>
      <c r="J9" s="19">
        <v>1693</v>
      </c>
      <c r="K9" s="19">
        <v>1561</v>
      </c>
    </row>
    <row r="10" spans="1:11" ht="15" customHeight="1">
      <c r="A10" s="17" t="s">
        <v>17</v>
      </c>
      <c r="B10" s="17"/>
      <c r="C10" s="13">
        <v>1230</v>
      </c>
      <c r="D10" s="19">
        <v>621</v>
      </c>
      <c r="E10" s="19">
        <v>609</v>
      </c>
      <c r="F10" s="19"/>
      <c r="G10" s="18" t="s">
        <v>18</v>
      </c>
      <c r="H10" s="17"/>
      <c r="I10" s="13">
        <v>2380</v>
      </c>
      <c r="J10" s="19">
        <v>1247</v>
      </c>
      <c r="K10" s="19">
        <v>1133</v>
      </c>
    </row>
    <row r="11" spans="1:11" ht="20.100000000000001" customHeight="1">
      <c r="A11" s="17" t="s">
        <v>19</v>
      </c>
      <c r="B11" s="17"/>
      <c r="C11" s="13">
        <v>6537</v>
      </c>
      <c r="D11" s="14">
        <v>3433</v>
      </c>
      <c r="E11" s="14">
        <v>3104</v>
      </c>
      <c r="F11" s="14"/>
      <c r="G11" s="18" t="s">
        <v>20</v>
      </c>
      <c r="H11" s="17"/>
      <c r="I11" s="13">
        <v>13369</v>
      </c>
      <c r="J11" s="14">
        <v>6986</v>
      </c>
      <c r="K11" s="14">
        <v>6383</v>
      </c>
    </row>
    <row r="12" spans="1:11" ht="15" customHeight="1">
      <c r="A12" s="17" t="s">
        <v>21</v>
      </c>
      <c r="B12" s="17"/>
      <c r="C12" s="13">
        <v>1259</v>
      </c>
      <c r="D12" s="19">
        <v>671</v>
      </c>
      <c r="E12" s="19">
        <v>588</v>
      </c>
      <c r="F12" s="19"/>
      <c r="G12" s="18" t="s">
        <v>22</v>
      </c>
      <c r="H12" s="17"/>
      <c r="I12" s="13">
        <v>3005</v>
      </c>
      <c r="J12" s="19">
        <v>1608</v>
      </c>
      <c r="K12" s="19">
        <v>1397</v>
      </c>
    </row>
    <row r="13" spans="1:11" ht="15" customHeight="1">
      <c r="A13" s="17" t="s">
        <v>23</v>
      </c>
      <c r="B13" s="17"/>
      <c r="C13" s="13">
        <v>1278</v>
      </c>
      <c r="D13" s="19">
        <v>654</v>
      </c>
      <c r="E13" s="19">
        <v>624</v>
      </c>
      <c r="F13" s="19"/>
      <c r="G13" s="18" t="s">
        <v>24</v>
      </c>
      <c r="H13" s="17"/>
      <c r="I13" s="13">
        <v>2735</v>
      </c>
      <c r="J13" s="19">
        <v>1417</v>
      </c>
      <c r="K13" s="19">
        <v>1318</v>
      </c>
    </row>
    <row r="14" spans="1:11" ht="15" customHeight="1">
      <c r="A14" s="17" t="s">
        <v>25</v>
      </c>
      <c r="B14" s="17"/>
      <c r="C14" s="13">
        <v>1381</v>
      </c>
      <c r="D14" s="19">
        <v>733</v>
      </c>
      <c r="E14" s="19">
        <v>648</v>
      </c>
      <c r="F14" s="19"/>
      <c r="G14" s="18" t="s">
        <v>26</v>
      </c>
      <c r="H14" s="17"/>
      <c r="I14" s="13">
        <v>2682</v>
      </c>
      <c r="J14" s="19">
        <v>1420</v>
      </c>
      <c r="K14" s="19">
        <v>1262</v>
      </c>
    </row>
    <row r="15" spans="1:11" ht="15" customHeight="1">
      <c r="A15" s="17" t="s">
        <v>27</v>
      </c>
      <c r="B15" s="17"/>
      <c r="C15" s="13">
        <v>1346</v>
      </c>
      <c r="D15" s="19">
        <v>705</v>
      </c>
      <c r="E15" s="19">
        <v>641</v>
      </c>
      <c r="F15" s="19"/>
      <c r="G15" s="18" t="s">
        <v>28</v>
      </c>
      <c r="H15" s="17"/>
      <c r="I15" s="13">
        <v>2569</v>
      </c>
      <c r="J15" s="19">
        <v>1317</v>
      </c>
      <c r="K15" s="19">
        <v>1252</v>
      </c>
    </row>
    <row r="16" spans="1:11" ht="15" customHeight="1">
      <c r="A16" s="17" t="s">
        <v>29</v>
      </c>
      <c r="B16" s="17"/>
      <c r="C16" s="13">
        <v>1273</v>
      </c>
      <c r="D16" s="19">
        <v>670</v>
      </c>
      <c r="E16" s="19">
        <v>603</v>
      </c>
      <c r="F16" s="19"/>
      <c r="G16" s="18" t="s">
        <v>30</v>
      </c>
      <c r="H16" s="17"/>
      <c r="I16" s="13">
        <v>2378</v>
      </c>
      <c r="J16" s="19">
        <v>1224</v>
      </c>
      <c r="K16" s="19">
        <v>1154</v>
      </c>
    </row>
    <row r="17" spans="1:11" ht="20.100000000000001" customHeight="1">
      <c r="A17" s="20" t="s">
        <v>31</v>
      </c>
      <c r="B17" s="20"/>
      <c r="C17" s="13">
        <v>6716</v>
      </c>
      <c r="D17" s="14">
        <v>3448</v>
      </c>
      <c r="E17" s="14">
        <v>3268</v>
      </c>
      <c r="F17" s="14"/>
      <c r="G17" s="18" t="s">
        <v>32</v>
      </c>
      <c r="H17" s="17"/>
      <c r="I17" s="13">
        <v>11314</v>
      </c>
      <c r="J17" s="14">
        <v>5847</v>
      </c>
      <c r="K17" s="14">
        <v>5467</v>
      </c>
    </row>
    <row r="18" spans="1:11" ht="15" customHeight="1">
      <c r="A18" s="17" t="s">
        <v>33</v>
      </c>
      <c r="B18" s="17"/>
      <c r="C18" s="13">
        <v>1322</v>
      </c>
      <c r="D18" s="19">
        <v>674</v>
      </c>
      <c r="E18" s="19">
        <v>648</v>
      </c>
      <c r="F18" s="19"/>
      <c r="G18" s="18" t="s">
        <v>34</v>
      </c>
      <c r="H18" s="17"/>
      <c r="I18" s="13">
        <v>2379</v>
      </c>
      <c r="J18" s="19">
        <v>1235</v>
      </c>
      <c r="K18" s="19">
        <v>1144</v>
      </c>
    </row>
    <row r="19" spans="1:11" ht="15" customHeight="1">
      <c r="A19" s="17" t="s">
        <v>35</v>
      </c>
      <c r="B19" s="17"/>
      <c r="C19" s="13">
        <v>1356</v>
      </c>
      <c r="D19" s="19">
        <v>709</v>
      </c>
      <c r="E19" s="19">
        <v>647</v>
      </c>
      <c r="F19" s="19"/>
      <c r="G19" s="18" t="s">
        <v>36</v>
      </c>
      <c r="H19" s="17"/>
      <c r="I19" s="13">
        <v>2257</v>
      </c>
      <c r="J19" s="19">
        <v>1184</v>
      </c>
      <c r="K19" s="19">
        <v>1073</v>
      </c>
    </row>
    <row r="20" spans="1:11" ht="15" customHeight="1">
      <c r="A20" s="17" t="s">
        <v>37</v>
      </c>
      <c r="B20" s="17"/>
      <c r="C20" s="13">
        <v>1387</v>
      </c>
      <c r="D20" s="19">
        <v>711</v>
      </c>
      <c r="E20" s="19">
        <v>676</v>
      </c>
      <c r="F20" s="19"/>
      <c r="G20" s="18" t="s">
        <v>38</v>
      </c>
      <c r="H20" s="17"/>
      <c r="I20" s="13">
        <v>2355</v>
      </c>
      <c r="J20" s="19">
        <v>1218</v>
      </c>
      <c r="K20" s="19">
        <v>1137</v>
      </c>
    </row>
    <row r="21" spans="1:11" ht="15" customHeight="1">
      <c r="A21" s="17" t="s">
        <v>39</v>
      </c>
      <c r="B21" s="17"/>
      <c r="C21" s="13">
        <v>1358</v>
      </c>
      <c r="D21" s="19">
        <v>712</v>
      </c>
      <c r="E21" s="19">
        <v>646</v>
      </c>
      <c r="F21" s="19"/>
      <c r="G21" s="18" t="s">
        <v>40</v>
      </c>
      <c r="H21" s="17"/>
      <c r="I21" s="13">
        <v>2169</v>
      </c>
      <c r="J21" s="19">
        <v>1111</v>
      </c>
      <c r="K21" s="19">
        <v>1058</v>
      </c>
    </row>
    <row r="22" spans="1:11" ht="15" customHeight="1">
      <c r="A22" s="17" t="s">
        <v>41</v>
      </c>
      <c r="B22" s="17"/>
      <c r="C22" s="13">
        <v>1293</v>
      </c>
      <c r="D22" s="19">
        <v>642</v>
      </c>
      <c r="E22" s="19">
        <v>651</v>
      </c>
      <c r="F22" s="19"/>
      <c r="G22" s="18" t="s">
        <v>42</v>
      </c>
      <c r="H22" s="17"/>
      <c r="I22" s="13">
        <v>2154</v>
      </c>
      <c r="J22" s="19">
        <v>1099</v>
      </c>
      <c r="K22" s="19">
        <v>1055</v>
      </c>
    </row>
    <row r="23" spans="1:11" ht="20.100000000000001" customHeight="1">
      <c r="A23" s="17" t="s">
        <v>43</v>
      </c>
      <c r="B23" s="17"/>
      <c r="C23" s="13">
        <v>7199</v>
      </c>
      <c r="D23" s="14">
        <v>3645</v>
      </c>
      <c r="E23" s="14">
        <v>3554</v>
      </c>
      <c r="F23" s="14"/>
      <c r="G23" s="18" t="s">
        <v>44</v>
      </c>
      <c r="H23" s="17"/>
      <c r="I23" s="13">
        <v>11628</v>
      </c>
      <c r="J23" s="14">
        <v>6027</v>
      </c>
      <c r="K23" s="14">
        <v>5601</v>
      </c>
    </row>
    <row r="24" spans="1:11" ht="15" customHeight="1">
      <c r="A24" s="17" t="s">
        <v>45</v>
      </c>
      <c r="B24" s="17"/>
      <c r="C24" s="13">
        <v>1313</v>
      </c>
      <c r="D24" s="19">
        <v>688</v>
      </c>
      <c r="E24" s="19">
        <v>625</v>
      </c>
      <c r="F24" s="19"/>
      <c r="G24" s="18" t="s">
        <v>46</v>
      </c>
      <c r="H24" s="17"/>
      <c r="I24" s="13">
        <v>2245</v>
      </c>
      <c r="J24" s="19">
        <v>1156</v>
      </c>
      <c r="K24" s="19">
        <v>1089</v>
      </c>
    </row>
    <row r="25" spans="1:11" ht="15" customHeight="1">
      <c r="A25" s="17" t="s">
        <v>47</v>
      </c>
      <c r="B25" s="17"/>
      <c r="C25" s="13">
        <v>1378</v>
      </c>
      <c r="D25" s="19">
        <v>695</v>
      </c>
      <c r="E25" s="19">
        <v>683</v>
      </c>
      <c r="F25" s="19"/>
      <c r="G25" s="18" t="s">
        <v>48</v>
      </c>
      <c r="H25" s="17"/>
      <c r="I25" s="13">
        <v>2176</v>
      </c>
      <c r="J25" s="19">
        <v>1164</v>
      </c>
      <c r="K25" s="19">
        <v>1012</v>
      </c>
    </row>
    <row r="26" spans="1:11" ht="15" customHeight="1">
      <c r="A26" s="17" t="s">
        <v>49</v>
      </c>
      <c r="B26" s="17"/>
      <c r="C26" s="13">
        <v>1428</v>
      </c>
      <c r="D26" s="19">
        <v>700</v>
      </c>
      <c r="E26" s="19">
        <v>728</v>
      </c>
      <c r="F26" s="19"/>
      <c r="G26" s="18" t="s">
        <v>50</v>
      </c>
      <c r="H26" s="17"/>
      <c r="I26" s="13">
        <v>2262</v>
      </c>
      <c r="J26" s="19">
        <v>1138</v>
      </c>
      <c r="K26" s="19">
        <v>1124</v>
      </c>
    </row>
    <row r="27" spans="1:11" ht="15" customHeight="1">
      <c r="A27" s="17" t="s">
        <v>51</v>
      </c>
      <c r="B27" s="17"/>
      <c r="C27" s="13">
        <v>1440</v>
      </c>
      <c r="D27" s="19">
        <v>721</v>
      </c>
      <c r="E27" s="19">
        <v>719</v>
      </c>
      <c r="F27" s="19"/>
      <c r="G27" s="18" t="s">
        <v>52</v>
      </c>
      <c r="H27" s="17"/>
      <c r="I27" s="13">
        <v>2391</v>
      </c>
      <c r="J27" s="19">
        <v>1239</v>
      </c>
      <c r="K27" s="19">
        <v>1152</v>
      </c>
    </row>
    <row r="28" spans="1:11" ht="15" customHeight="1">
      <c r="A28" s="17" t="s">
        <v>53</v>
      </c>
      <c r="B28" s="17"/>
      <c r="C28" s="13">
        <v>1640</v>
      </c>
      <c r="D28" s="19">
        <v>841</v>
      </c>
      <c r="E28" s="19">
        <v>799</v>
      </c>
      <c r="F28" s="19"/>
      <c r="G28" s="18" t="s">
        <v>54</v>
      </c>
      <c r="H28" s="17"/>
      <c r="I28" s="13">
        <v>2554</v>
      </c>
      <c r="J28" s="19">
        <v>1330</v>
      </c>
      <c r="K28" s="19">
        <v>1224</v>
      </c>
    </row>
    <row r="29" spans="1:11" ht="20.100000000000001" customHeight="1">
      <c r="A29" s="17" t="s">
        <v>55</v>
      </c>
      <c r="B29" s="17"/>
      <c r="C29" s="13">
        <v>10506</v>
      </c>
      <c r="D29" s="14">
        <v>5175</v>
      </c>
      <c r="E29" s="14">
        <v>5331</v>
      </c>
      <c r="F29" s="14"/>
      <c r="G29" s="18" t="s">
        <v>56</v>
      </c>
      <c r="H29" s="17"/>
      <c r="I29" s="13">
        <v>13835</v>
      </c>
      <c r="J29" s="14">
        <v>6878</v>
      </c>
      <c r="K29" s="14">
        <v>6957</v>
      </c>
    </row>
    <row r="30" spans="1:11" ht="15" customHeight="1">
      <c r="A30" s="17" t="s">
        <v>57</v>
      </c>
      <c r="B30" s="17"/>
      <c r="C30" s="13">
        <v>1800</v>
      </c>
      <c r="D30" s="19">
        <v>896</v>
      </c>
      <c r="E30" s="19">
        <v>904</v>
      </c>
      <c r="F30" s="19"/>
      <c r="G30" s="18" t="s">
        <v>58</v>
      </c>
      <c r="H30" s="17"/>
      <c r="I30" s="13">
        <v>2740</v>
      </c>
      <c r="J30" s="19">
        <v>1393</v>
      </c>
      <c r="K30" s="19">
        <v>1347</v>
      </c>
    </row>
    <row r="31" spans="1:11" ht="15" customHeight="1">
      <c r="A31" s="17" t="s">
        <v>59</v>
      </c>
      <c r="B31" s="17"/>
      <c r="C31" s="13">
        <v>1872</v>
      </c>
      <c r="D31" s="19">
        <v>914</v>
      </c>
      <c r="E31" s="19">
        <v>958</v>
      </c>
      <c r="F31" s="19"/>
      <c r="G31" s="18" t="s">
        <v>60</v>
      </c>
      <c r="H31" s="17"/>
      <c r="I31" s="13">
        <v>3126</v>
      </c>
      <c r="J31" s="19">
        <v>1594</v>
      </c>
      <c r="K31" s="19">
        <v>1532</v>
      </c>
    </row>
    <row r="32" spans="1:11" ht="15" customHeight="1">
      <c r="A32" s="17" t="s">
        <v>61</v>
      </c>
      <c r="B32" s="17"/>
      <c r="C32" s="13">
        <v>2043</v>
      </c>
      <c r="D32" s="19">
        <v>1024</v>
      </c>
      <c r="E32" s="19">
        <v>1019</v>
      </c>
      <c r="F32" s="19"/>
      <c r="G32" s="18" t="s">
        <v>62</v>
      </c>
      <c r="H32" s="17"/>
      <c r="I32" s="13">
        <v>3034</v>
      </c>
      <c r="J32" s="19">
        <v>1507</v>
      </c>
      <c r="K32" s="19">
        <v>1527</v>
      </c>
    </row>
    <row r="33" spans="1:11" ht="15" customHeight="1">
      <c r="A33" s="17" t="s">
        <v>63</v>
      </c>
      <c r="B33" s="17"/>
      <c r="C33" s="13">
        <v>2459</v>
      </c>
      <c r="D33" s="19">
        <v>1186</v>
      </c>
      <c r="E33" s="19">
        <v>1273</v>
      </c>
      <c r="F33" s="19"/>
      <c r="G33" s="18" t="s">
        <v>64</v>
      </c>
      <c r="H33" s="17"/>
      <c r="I33" s="13">
        <v>3026</v>
      </c>
      <c r="J33" s="19">
        <v>1489</v>
      </c>
      <c r="K33" s="19">
        <v>1537</v>
      </c>
    </row>
    <row r="34" spans="1:11" ht="15" customHeight="1">
      <c r="A34" s="17" t="s">
        <v>65</v>
      </c>
      <c r="B34" s="17"/>
      <c r="C34" s="13">
        <v>2332</v>
      </c>
      <c r="D34" s="19">
        <v>1155</v>
      </c>
      <c r="E34" s="19">
        <v>1177</v>
      </c>
      <c r="F34" s="19"/>
      <c r="G34" s="18" t="s">
        <v>66</v>
      </c>
      <c r="H34" s="17"/>
      <c r="I34" s="13">
        <v>1909</v>
      </c>
      <c r="J34" s="19">
        <v>895</v>
      </c>
      <c r="K34" s="19">
        <v>1014</v>
      </c>
    </row>
    <row r="35" spans="1:11" ht="20.100000000000001" customHeight="1">
      <c r="A35" s="17" t="s">
        <v>67</v>
      </c>
      <c r="B35" s="17"/>
      <c r="C35" s="13">
        <v>11610</v>
      </c>
      <c r="D35" s="14">
        <v>5942</v>
      </c>
      <c r="E35" s="14">
        <v>5668</v>
      </c>
      <c r="F35" s="14"/>
      <c r="G35" s="18" t="s">
        <v>68</v>
      </c>
      <c r="H35" s="17"/>
      <c r="I35" s="13">
        <v>10176</v>
      </c>
      <c r="J35" s="14">
        <v>4481</v>
      </c>
      <c r="K35" s="14">
        <v>5695</v>
      </c>
    </row>
    <row r="36" spans="1:11" ht="15" customHeight="1">
      <c r="A36" s="17" t="s">
        <v>69</v>
      </c>
      <c r="B36" s="17"/>
      <c r="C36" s="13">
        <v>2474</v>
      </c>
      <c r="D36" s="19">
        <v>1257</v>
      </c>
      <c r="E36" s="19">
        <v>1217</v>
      </c>
      <c r="F36" s="19"/>
      <c r="G36" s="18" t="s">
        <v>70</v>
      </c>
      <c r="H36" s="17"/>
      <c r="I36" s="13">
        <v>1653</v>
      </c>
      <c r="J36" s="19">
        <v>751</v>
      </c>
      <c r="K36" s="19">
        <v>902</v>
      </c>
    </row>
    <row r="37" spans="1:11" ht="15" customHeight="1">
      <c r="A37" s="17" t="s">
        <v>71</v>
      </c>
      <c r="B37" s="17"/>
      <c r="C37" s="13">
        <v>2433</v>
      </c>
      <c r="D37" s="19">
        <v>1269</v>
      </c>
      <c r="E37" s="19">
        <v>1164</v>
      </c>
      <c r="F37" s="19"/>
      <c r="G37" s="18" t="s">
        <v>72</v>
      </c>
      <c r="H37" s="17"/>
      <c r="I37" s="13">
        <v>2165</v>
      </c>
      <c r="J37" s="19">
        <v>1012</v>
      </c>
      <c r="K37" s="19">
        <v>1153</v>
      </c>
    </row>
    <row r="38" spans="1:11" ht="15" customHeight="1">
      <c r="A38" s="17" t="s">
        <v>73</v>
      </c>
      <c r="B38" s="17"/>
      <c r="C38" s="13">
        <v>2336</v>
      </c>
      <c r="D38" s="19">
        <v>1208</v>
      </c>
      <c r="E38" s="19">
        <v>1128</v>
      </c>
      <c r="F38" s="19"/>
      <c r="G38" s="18" t="s">
        <v>74</v>
      </c>
      <c r="H38" s="17"/>
      <c r="I38" s="13">
        <v>2221</v>
      </c>
      <c r="J38" s="19">
        <v>999</v>
      </c>
      <c r="K38" s="19">
        <v>1222</v>
      </c>
    </row>
    <row r="39" spans="1:11" ht="15" customHeight="1">
      <c r="A39" s="17" t="s">
        <v>75</v>
      </c>
      <c r="B39" s="17"/>
      <c r="C39" s="13">
        <v>2136</v>
      </c>
      <c r="D39" s="19">
        <v>1083</v>
      </c>
      <c r="E39" s="19">
        <v>1053</v>
      </c>
      <c r="F39" s="19"/>
      <c r="G39" s="18" t="s">
        <v>76</v>
      </c>
      <c r="H39" s="17"/>
      <c r="I39" s="13">
        <v>2042</v>
      </c>
      <c r="J39" s="19">
        <v>827</v>
      </c>
      <c r="K39" s="19">
        <v>1215</v>
      </c>
    </row>
    <row r="40" spans="1:11" ht="15" customHeight="1">
      <c r="A40" s="17" t="s">
        <v>77</v>
      </c>
      <c r="B40" s="17"/>
      <c r="C40" s="13">
        <v>2231</v>
      </c>
      <c r="D40" s="19">
        <v>1125</v>
      </c>
      <c r="E40" s="19">
        <v>1106</v>
      </c>
      <c r="F40" s="19"/>
      <c r="G40" s="18" t="s">
        <v>78</v>
      </c>
      <c r="H40" s="17"/>
      <c r="I40" s="13">
        <v>2095</v>
      </c>
      <c r="J40" s="19">
        <v>892</v>
      </c>
      <c r="K40" s="19">
        <v>1203</v>
      </c>
    </row>
    <row r="41" spans="1:11" ht="20.100000000000001" customHeight="1">
      <c r="A41" s="17" t="s">
        <v>79</v>
      </c>
      <c r="B41" s="17"/>
      <c r="C41" s="13">
        <v>10861</v>
      </c>
      <c r="D41" s="14">
        <v>5577</v>
      </c>
      <c r="E41" s="14">
        <v>5284</v>
      </c>
      <c r="F41" s="14"/>
      <c r="G41" s="18" t="s">
        <v>80</v>
      </c>
      <c r="H41" s="17"/>
      <c r="I41" s="13">
        <v>7972</v>
      </c>
      <c r="J41" s="14">
        <v>3248</v>
      </c>
      <c r="K41" s="14">
        <v>4724</v>
      </c>
    </row>
    <row r="42" spans="1:11" ht="15" customHeight="1">
      <c r="A42" s="17" t="s">
        <v>81</v>
      </c>
      <c r="B42" s="17"/>
      <c r="C42" s="13">
        <v>2139</v>
      </c>
      <c r="D42" s="19">
        <v>1098</v>
      </c>
      <c r="E42" s="19">
        <v>1041</v>
      </c>
      <c r="F42" s="19"/>
      <c r="G42" s="18" t="s">
        <v>82</v>
      </c>
      <c r="H42" s="17"/>
      <c r="I42" s="13">
        <v>1870</v>
      </c>
      <c r="J42" s="19">
        <v>790</v>
      </c>
      <c r="K42" s="19">
        <v>1080</v>
      </c>
    </row>
    <row r="43" spans="1:11" ht="15" customHeight="1">
      <c r="A43" s="17" t="s">
        <v>83</v>
      </c>
      <c r="B43" s="17"/>
      <c r="C43" s="13">
        <v>2169</v>
      </c>
      <c r="D43" s="19">
        <v>1123</v>
      </c>
      <c r="E43" s="19">
        <v>1046</v>
      </c>
      <c r="F43" s="19"/>
      <c r="G43" s="18" t="s">
        <v>84</v>
      </c>
      <c r="H43" s="17"/>
      <c r="I43" s="13">
        <v>1619</v>
      </c>
      <c r="J43" s="19">
        <v>649</v>
      </c>
      <c r="K43" s="19">
        <v>970</v>
      </c>
    </row>
    <row r="44" spans="1:11" ht="15" customHeight="1">
      <c r="A44" s="17" t="s">
        <v>85</v>
      </c>
      <c r="B44" s="17"/>
      <c r="C44" s="13">
        <v>2215</v>
      </c>
      <c r="D44" s="19">
        <v>1141</v>
      </c>
      <c r="E44" s="19">
        <v>1074</v>
      </c>
      <c r="F44" s="19"/>
      <c r="G44" s="18" t="s">
        <v>86</v>
      </c>
      <c r="H44" s="17"/>
      <c r="I44" s="13">
        <v>1378</v>
      </c>
      <c r="J44" s="19">
        <v>611</v>
      </c>
      <c r="K44" s="19">
        <v>767</v>
      </c>
    </row>
    <row r="45" spans="1:11" ht="15" customHeight="1">
      <c r="A45" s="17" t="s">
        <v>87</v>
      </c>
      <c r="B45" s="17"/>
      <c r="C45" s="13">
        <v>2134</v>
      </c>
      <c r="D45" s="19">
        <v>1092</v>
      </c>
      <c r="E45" s="19">
        <v>1042</v>
      </c>
      <c r="F45" s="19"/>
      <c r="G45" s="18" t="s">
        <v>88</v>
      </c>
      <c r="H45" s="17"/>
      <c r="I45" s="13">
        <v>1629</v>
      </c>
      <c r="J45" s="19">
        <v>625</v>
      </c>
      <c r="K45" s="19">
        <v>1004</v>
      </c>
    </row>
    <row r="46" spans="1:11" ht="15" customHeight="1">
      <c r="A46" s="17" t="s">
        <v>89</v>
      </c>
      <c r="B46" s="17"/>
      <c r="C46" s="13">
        <v>2204</v>
      </c>
      <c r="D46" s="19">
        <v>1123</v>
      </c>
      <c r="E46" s="19">
        <v>1081</v>
      </c>
      <c r="F46" s="19"/>
      <c r="G46" s="18" t="s">
        <v>90</v>
      </c>
      <c r="H46" s="17"/>
      <c r="I46" s="13">
        <v>1476</v>
      </c>
      <c r="J46" s="19">
        <v>573</v>
      </c>
      <c r="K46" s="19">
        <v>903</v>
      </c>
    </row>
    <row r="47" spans="1:11" ht="20.100000000000001" customHeight="1">
      <c r="A47" s="17" t="s">
        <v>91</v>
      </c>
      <c r="B47" s="17"/>
      <c r="C47" s="13">
        <v>11787</v>
      </c>
      <c r="D47" s="14">
        <v>5993</v>
      </c>
      <c r="E47" s="14">
        <v>5794</v>
      </c>
      <c r="F47" s="14"/>
      <c r="G47" s="18" t="s">
        <v>92</v>
      </c>
      <c r="H47" s="17"/>
      <c r="I47" s="13">
        <v>5515</v>
      </c>
      <c r="J47" s="14">
        <v>2013</v>
      </c>
      <c r="K47" s="14">
        <v>3502</v>
      </c>
    </row>
    <row r="48" spans="1:11" ht="15" customHeight="1">
      <c r="A48" s="17" t="s">
        <v>93</v>
      </c>
      <c r="B48" s="17"/>
      <c r="C48" s="13">
        <v>2274</v>
      </c>
      <c r="D48" s="19">
        <v>1168</v>
      </c>
      <c r="E48" s="19">
        <v>1106</v>
      </c>
      <c r="F48" s="19"/>
      <c r="G48" s="18" t="s">
        <v>94</v>
      </c>
      <c r="H48" s="17"/>
      <c r="I48" s="13">
        <v>1409</v>
      </c>
      <c r="J48" s="19">
        <v>551</v>
      </c>
      <c r="K48" s="19">
        <v>858</v>
      </c>
    </row>
    <row r="49" spans="1:11" ht="15" customHeight="1">
      <c r="A49" s="17" t="s">
        <v>95</v>
      </c>
      <c r="B49" s="17"/>
      <c r="C49" s="13">
        <v>2337</v>
      </c>
      <c r="D49" s="19">
        <v>1184</v>
      </c>
      <c r="E49" s="19">
        <v>1153</v>
      </c>
      <c r="F49" s="19"/>
      <c r="G49" s="18" t="s">
        <v>96</v>
      </c>
      <c r="H49" s="17"/>
      <c r="I49" s="13">
        <v>1190</v>
      </c>
      <c r="J49" s="19">
        <v>459</v>
      </c>
      <c r="K49" s="19">
        <v>731</v>
      </c>
    </row>
    <row r="50" spans="1:11" ht="15" customHeight="1">
      <c r="A50" s="17" t="s">
        <v>97</v>
      </c>
      <c r="B50" s="17"/>
      <c r="C50" s="13">
        <v>2404</v>
      </c>
      <c r="D50" s="19">
        <v>1245</v>
      </c>
      <c r="E50" s="19">
        <v>1159</v>
      </c>
      <c r="F50" s="19"/>
      <c r="G50" s="18" t="s">
        <v>98</v>
      </c>
      <c r="H50" s="17"/>
      <c r="I50" s="13">
        <v>1076</v>
      </c>
      <c r="J50" s="19">
        <v>377</v>
      </c>
      <c r="K50" s="19">
        <v>699</v>
      </c>
    </row>
    <row r="51" spans="1:11" ht="15" customHeight="1">
      <c r="A51" s="17" t="s">
        <v>99</v>
      </c>
      <c r="B51" s="17"/>
      <c r="C51" s="13">
        <v>2342</v>
      </c>
      <c r="D51" s="19">
        <v>1179</v>
      </c>
      <c r="E51" s="19">
        <v>1163</v>
      </c>
      <c r="F51" s="19"/>
      <c r="G51" s="18" t="s">
        <v>100</v>
      </c>
      <c r="H51" s="17"/>
      <c r="I51" s="13">
        <v>967</v>
      </c>
      <c r="J51" s="19">
        <v>317</v>
      </c>
      <c r="K51" s="19">
        <v>650</v>
      </c>
    </row>
    <row r="52" spans="1:11" ht="15" customHeight="1">
      <c r="A52" s="17" t="s">
        <v>101</v>
      </c>
      <c r="B52" s="17"/>
      <c r="C52" s="13">
        <v>2430</v>
      </c>
      <c r="D52" s="19">
        <v>1217</v>
      </c>
      <c r="E52" s="19">
        <v>1213</v>
      </c>
      <c r="F52" s="19"/>
      <c r="G52" s="18" t="s">
        <v>102</v>
      </c>
      <c r="H52" s="17"/>
      <c r="I52" s="13">
        <v>873</v>
      </c>
      <c r="J52" s="19">
        <v>309</v>
      </c>
      <c r="K52" s="19">
        <v>564</v>
      </c>
    </row>
    <row r="53" spans="1:11" ht="20.100000000000001" customHeight="1">
      <c r="A53" s="17" t="s">
        <v>103</v>
      </c>
      <c r="B53" s="17"/>
      <c r="C53" s="13">
        <v>13162</v>
      </c>
      <c r="D53" s="14">
        <v>6783</v>
      </c>
      <c r="E53" s="14">
        <v>6379</v>
      </c>
      <c r="F53" s="14"/>
      <c r="G53" s="18" t="s">
        <v>104</v>
      </c>
      <c r="H53" s="17"/>
      <c r="I53" s="13">
        <v>2319</v>
      </c>
      <c r="J53" s="14">
        <v>722</v>
      </c>
      <c r="K53" s="14">
        <v>1597</v>
      </c>
    </row>
    <row r="54" spans="1:11" ht="15" customHeight="1">
      <c r="A54" s="17" t="s">
        <v>105</v>
      </c>
      <c r="B54" s="17"/>
      <c r="C54" s="13">
        <v>2470</v>
      </c>
      <c r="D54" s="19">
        <v>1253</v>
      </c>
      <c r="E54" s="19">
        <v>1217</v>
      </c>
      <c r="F54" s="19"/>
      <c r="G54" s="18" t="s">
        <v>106</v>
      </c>
      <c r="H54" s="17"/>
      <c r="I54" s="13">
        <v>650</v>
      </c>
      <c r="J54" s="19">
        <v>235</v>
      </c>
      <c r="K54" s="19">
        <v>415</v>
      </c>
    </row>
    <row r="55" spans="1:11" ht="15" customHeight="1">
      <c r="A55" s="17" t="s">
        <v>107</v>
      </c>
      <c r="B55" s="17"/>
      <c r="C55" s="13">
        <v>2553</v>
      </c>
      <c r="D55" s="19">
        <v>1306</v>
      </c>
      <c r="E55" s="19">
        <v>1247</v>
      </c>
      <c r="F55" s="19"/>
      <c r="G55" s="18" t="s">
        <v>108</v>
      </c>
      <c r="H55" s="17"/>
      <c r="I55" s="13">
        <v>586</v>
      </c>
      <c r="J55" s="19">
        <v>184</v>
      </c>
      <c r="K55" s="19">
        <v>402</v>
      </c>
    </row>
    <row r="56" spans="1:11" ht="15" customHeight="1">
      <c r="A56" s="17" t="s">
        <v>109</v>
      </c>
      <c r="B56" s="17"/>
      <c r="C56" s="13">
        <v>2661</v>
      </c>
      <c r="D56" s="19">
        <v>1394</v>
      </c>
      <c r="E56" s="19">
        <v>1267</v>
      </c>
      <c r="F56" s="19"/>
      <c r="G56" s="18" t="s">
        <v>110</v>
      </c>
      <c r="H56" s="17"/>
      <c r="I56" s="13">
        <v>478</v>
      </c>
      <c r="J56" s="19">
        <v>144</v>
      </c>
      <c r="K56" s="19">
        <v>334</v>
      </c>
    </row>
    <row r="57" spans="1:11" ht="15" customHeight="1">
      <c r="A57" s="17" t="s">
        <v>111</v>
      </c>
      <c r="B57" s="17"/>
      <c r="C57" s="13">
        <v>2711</v>
      </c>
      <c r="D57" s="19">
        <v>1412</v>
      </c>
      <c r="E57" s="19">
        <v>1299</v>
      </c>
      <c r="F57" s="19"/>
      <c r="G57" s="18" t="s">
        <v>112</v>
      </c>
      <c r="H57" s="17"/>
      <c r="I57" s="13">
        <v>333</v>
      </c>
      <c r="J57" s="19">
        <v>95</v>
      </c>
      <c r="K57" s="19">
        <v>238</v>
      </c>
    </row>
    <row r="58" spans="1:11" ht="15" customHeight="1">
      <c r="A58" s="17" t="s">
        <v>113</v>
      </c>
      <c r="B58" s="17"/>
      <c r="C58" s="13">
        <v>2767</v>
      </c>
      <c r="D58" s="19">
        <v>1418</v>
      </c>
      <c r="E58" s="19">
        <v>1349</v>
      </c>
      <c r="F58" s="19"/>
      <c r="G58" s="18" t="s">
        <v>114</v>
      </c>
      <c r="H58" s="17"/>
      <c r="I58" s="13">
        <v>272</v>
      </c>
      <c r="J58" s="19">
        <v>64</v>
      </c>
      <c r="K58" s="19">
        <v>208</v>
      </c>
    </row>
    <row r="59" spans="1:11" ht="20.100000000000001" customHeight="1">
      <c r="A59" s="17" t="s">
        <v>115</v>
      </c>
      <c r="B59" s="17"/>
      <c r="C59" s="13">
        <v>15627</v>
      </c>
      <c r="D59" s="14">
        <v>8065</v>
      </c>
      <c r="E59" s="14">
        <v>7562</v>
      </c>
      <c r="F59" s="14"/>
      <c r="G59" s="18" t="s">
        <v>116</v>
      </c>
      <c r="H59" s="17"/>
      <c r="I59" s="13">
        <v>579</v>
      </c>
      <c r="J59" s="14">
        <v>141</v>
      </c>
      <c r="K59" s="14">
        <v>438</v>
      </c>
    </row>
    <row r="60" spans="1:11" ht="15" customHeight="1">
      <c r="A60" s="17" t="s">
        <v>117</v>
      </c>
      <c r="B60" s="17"/>
      <c r="C60" s="13">
        <v>2807</v>
      </c>
      <c r="D60" s="19">
        <v>1478</v>
      </c>
      <c r="E60" s="19">
        <v>1329</v>
      </c>
      <c r="F60" s="19"/>
      <c r="G60" s="18" t="s">
        <v>118</v>
      </c>
      <c r="H60" s="17"/>
      <c r="I60" s="13">
        <v>209</v>
      </c>
      <c r="J60" s="19">
        <v>49</v>
      </c>
      <c r="K60" s="19">
        <v>160</v>
      </c>
    </row>
    <row r="61" spans="1:11" ht="15" customHeight="1">
      <c r="A61" s="17" t="s">
        <v>119</v>
      </c>
      <c r="B61" s="17"/>
      <c r="C61" s="13">
        <v>2937</v>
      </c>
      <c r="D61" s="19">
        <v>1494</v>
      </c>
      <c r="E61" s="19">
        <v>1443</v>
      </c>
      <c r="F61" s="19"/>
      <c r="G61" s="18" t="s">
        <v>120</v>
      </c>
      <c r="H61" s="17"/>
      <c r="I61" s="13">
        <v>146</v>
      </c>
      <c r="J61" s="19">
        <v>39</v>
      </c>
      <c r="K61" s="19">
        <v>107</v>
      </c>
    </row>
    <row r="62" spans="1:11" ht="15" customHeight="1">
      <c r="A62" s="17" t="s">
        <v>121</v>
      </c>
      <c r="B62" s="17"/>
      <c r="C62" s="13">
        <v>3296</v>
      </c>
      <c r="D62" s="19">
        <v>1716</v>
      </c>
      <c r="E62" s="19">
        <v>1580</v>
      </c>
      <c r="F62" s="19"/>
      <c r="G62" s="18" t="s">
        <v>122</v>
      </c>
      <c r="H62" s="17"/>
      <c r="I62" s="13">
        <v>102</v>
      </c>
      <c r="J62" s="19">
        <v>30</v>
      </c>
      <c r="K62" s="19">
        <v>72</v>
      </c>
    </row>
    <row r="63" spans="1:11" ht="15" customHeight="1">
      <c r="A63" s="17" t="s">
        <v>123</v>
      </c>
      <c r="B63" s="17"/>
      <c r="C63" s="13">
        <v>3303</v>
      </c>
      <c r="D63" s="19">
        <v>1705</v>
      </c>
      <c r="E63" s="19">
        <v>1598</v>
      </c>
      <c r="F63" s="19"/>
      <c r="G63" s="18" t="s">
        <v>124</v>
      </c>
      <c r="H63" s="17"/>
      <c r="I63" s="13">
        <v>70</v>
      </c>
      <c r="J63" s="19">
        <v>11</v>
      </c>
      <c r="K63" s="19">
        <v>59</v>
      </c>
    </row>
    <row r="64" spans="1:11" ht="15" customHeight="1">
      <c r="A64" s="17" t="s">
        <v>125</v>
      </c>
      <c r="B64" s="17"/>
      <c r="C64" s="13">
        <v>3284</v>
      </c>
      <c r="D64" s="19">
        <v>1672</v>
      </c>
      <c r="E64" s="19">
        <v>1612</v>
      </c>
      <c r="F64" s="19"/>
      <c r="G64" s="18" t="s">
        <v>126</v>
      </c>
      <c r="H64" s="17"/>
      <c r="I64" s="13">
        <v>52</v>
      </c>
      <c r="J64" s="19">
        <v>12</v>
      </c>
      <c r="K64" s="19">
        <v>4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2</v>
      </c>
      <c r="J65" s="19">
        <v>9</v>
      </c>
      <c r="K65" s="19">
        <v>6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242</v>
      </c>
      <c r="J66" s="29">
        <v>3637</v>
      </c>
      <c r="K66" s="29">
        <v>260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39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07649</v>
      </c>
      <c r="D4" s="14">
        <v>101851</v>
      </c>
      <c r="E4" s="14">
        <v>10579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687</v>
      </c>
      <c r="D5" s="14">
        <v>3488</v>
      </c>
      <c r="E5" s="14">
        <v>3199</v>
      </c>
      <c r="F5" s="14"/>
      <c r="G5" s="18" t="s">
        <v>8</v>
      </c>
      <c r="H5" s="17"/>
      <c r="I5" s="13">
        <v>15683</v>
      </c>
      <c r="J5" s="14">
        <v>7917</v>
      </c>
      <c r="K5" s="14">
        <v>7766</v>
      </c>
    </row>
    <row r="6" spans="1:11" ht="15" customHeight="1">
      <c r="A6" s="17" t="s">
        <v>9</v>
      </c>
      <c r="B6" s="17"/>
      <c r="C6" s="13">
        <v>1215</v>
      </c>
      <c r="D6" s="19">
        <v>654</v>
      </c>
      <c r="E6" s="19">
        <v>561</v>
      </c>
      <c r="F6" s="19"/>
      <c r="G6" s="18" t="s">
        <v>10</v>
      </c>
      <c r="H6" s="17"/>
      <c r="I6" s="13">
        <v>3343</v>
      </c>
      <c r="J6" s="19">
        <v>1680</v>
      </c>
      <c r="K6" s="19">
        <v>1663</v>
      </c>
    </row>
    <row r="7" spans="1:11" ht="15" customHeight="1">
      <c r="A7" s="17" t="s">
        <v>11</v>
      </c>
      <c r="B7" s="17"/>
      <c r="C7" s="13">
        <v>1240</v>
      </c>
      <c r="D7" s="19">
        <v>646</v>
      </c>
      <c r="E7" s="19">
        <v>594</v>
      </c>
      <c r="F7" s="19"/>
      <c r="G7" s="18" t="s">
        <v>12</v>
      </c>
      <c r="H7" s="17"/>
      <c r="I7" s="13">
        <v>3296</v>
      </c>
      <c r="J7" s="19">
        <v>1647</v>
      </c>
      <c r="K7" s="19">
        <v>1649</v>
      </c>
    </row>
    <row r="8" spans="1:11" ht="15" customHeight="1">
      <c r="A8" s="17" t="s">
        <v>13</v>
      </c>
      <c r="B8" s="17"/>
      <c r="C8" s="13">
        <v>1314</v>
      </c>
      <c r="D8" s="19">
        <v>679</v>
      </c>
      <c r="E8" s="19">
        <v>635</v>
      </c>
      <c r="F8" s="19"/>
      <c r="G8" s="18" t="s">
        <v>14</v>
      </c>
      <c r="H8" s="17"/>
      <c r="I8" s="13">
        <v>3288</v>
      </c>
      <c r="J8" s="19">
        <v>1714</v>
      </c>
      <c r="K8" s="19">
        <v>1574</v>
      </c>
    </row>
    <row r="9" spans="1:11" ht="15" customHeight="1">
      <c r="A9" s="17" t="s">
        <v>15</v>
      </c>
      <c r="B9" s="17"/>
      <c r="C9" s="13">
        <v>1410</v>
      </c>
      <c r="D9" s="19">
        <v>713</v>
      </c>
      <c r="E9" s="19">
        <v>697</v>
      </c>
      <c r="F9" s="19"/>
      <c r="G9" s="18" t="s">
        <v>16</v>
      </c>
      <c r="H9" s="17"/>
      <c r="I9" s="13">
        <v>3315</v>
      </c>
      <c r="J9" s="19">
        <v>1657</v>
      </c>
      <c r="K9" s="19">
        <v>1658</v>
      </c>
    </row>
    <row r="10" spans="1:11" ht="15" customHeight="1">
      <c r="A10" s="17" t="s">
        <v>17</v>
      </c>
      <c r="B10" s="17"/>
      <c r="C10" s="13">
        <v>1508</v>
      </c>
      <c r="D10" s="19">
        <v>796</v>
      </c>
      <c r="E10" s="19">
        <v>712</v>
      </c>
      <c r="F10" s="19"/>
      <c r="G10" s="18" t="s">
        <v>18</v>
      </c>
      <c r="H10" s="17"/>
      <c r="I10" s="13">
        <v>2441</v>
      </c>
      <c r="J10" s="19">
        <v>1219</v>
      </c>
      <c r="K10" s="19">
        <v>1222</v>
      </c>
    </row>
    <row r="11" spans="1:11" ht="20.100000000000001" customHeight="1">
      <c r="A11" s="17" t="s">
        <v>19</v>
      </c>
      <c r="B11" s="17"/>
      <c r="C11" s="13">
        <v>7427</v>
      </c>
      <c r="D11" s="14">
        <v>3828</v>
      </c>
      <c r="E11" s="14">
        <v>3599</v>
      </c>
      <c r="F11" s="14"/>
      <c r="G11" s="18" t="s">
        <v>20</v>
      </c>
      <c r="H11" s="17"/>
      <c r="I11" s="13">
        <v>14347</v>
      </c>
      <c r="J11" s="14">
        <v>7377</v>
      </c>
      <c r="K11" s="14">
        <v>6970</v>
      </c>
    </row>
    <row r="12" spans="1:11" ht="15" customHeight="1">
      <c r="A12" s="17" t="s">
        <v>21</v>
      </c>
      <c r="B12" s="17"/>
      <c r="C12" s="13">
        <v>1490</v>
      </c>
      <c r="D12" s="19">
        <v>766</v>
      </c>
      <c r="E12" s="19">
        <v>724</v>
      </c>
      <c r="F12" s="19"/>
      <c r="G12" s="18" t="s">
        <v>22</v>
      </c>
      <c r="H12" s="17"/>
      <c r="I12" s="13">
        <v>3148</v>
      </c>
      <c r="J12" s="19">
        <v>1652</v>
      </c>
      <c r="K12" s="19">
        <v>1496</v>
      </c>
    </row>
    <row r="13" spans="1:11" ht="15" customHeight="1">
      <c r="A13" s="17" t="s">
        <v>23</v>
      </c>
      <c r="B13" s="17"/>
      <c r="C13" s="13">
        <v>1469</v>
      </c>
      <c r="D13" s="19">
        <v>760</v>
      </c>
      <c r="E13" s="19">
        <v>709</v>
      </c>
      <c r="F13" s="19"/>
      <c r="G13" s="18" t="s">
        <v>24</v>
      </c>
      <c r="H13" s="17"/>
      <c r="I13" s="13">
        <v>3002</v>
      </c>
      <c r="J13" s="19">
        <v>1538</v>
      </c>
      <c r="K13" s="19">
        <v>1464</v>
      </c>
    </row>
    <row r="14" spans="1:11" ht="15" customHeight="1">
      <c r="A14" s="17" t="s">
        <v>25</v>
      </c>
      <c r="B14" s="17"/>
      <c r="C14" s="13">
        <v>1471</v>
      </c>
      <c r="D14" s="19">
        <v>774</v>
      </c>
      <c r="E14" s="19">
        <v>697</v>
      </c>
      <c r="F14" s="19"/>
      <c r="G14" s="18" t="s">
        <v>26</v>
      </c>
      <c r="H14" s="17"/>
      <c r="I14" s="13">
        <v>2937</v>
      </c>
      <c r="J14" s="19">
        <v>1477</v>
      </c>
      <c r="K14" s="19">
        <v>1460</v>
      </c>
    </row>
    <row r="15" spans="1:11" ht="15" customHeight="1">
      <c r="A15" s="17" t="s">
        <v>27</v>
      </c>
      <c r="B15" s="17"/>
      <c r="C15" s="13">
        <v>1516</v>
      </c>
      <c r="D15" s="19">
        <v>775</v>
      </c>
      <c r="E15" s="19">
        <v>741</v>
      </c>
      <c r="F15" s="19"/>
      <c r="G15" s="18" t="s">
        <v>28</v>
      </c>
      <c r="H15" s="17"/>
      <c r="I15" s="13">
        <v>2765</v>
      </c>
      <c r="J15" s="19">
        <v>1427</v>
      </c>
      <c r="K15" s="19">
        <v>1338</v>
      </c>
    </row>
    <row r="16" spans="1:11" ht="15" customHeight="1">
      <c r="A16" s="17" t="s">
        <v>29</v>
      </c>
      <c r="B16" s="17"/>
      <c r="C16" s="13">
        <v>1481</v>
      </c>
      <c r="D16" s="19">
        <v>753</v>
      </c>
      <c r="E16" s="19">
        <v>728</v>
      </c>
      <c r="F16" s="19"/>
      <c r="G16" s="18" t="s">
        <v>30</v>
      </c>
      <c r="H16" s="17"/>
      <c r="I16" s="13">
        <v>2495</v>
      </c>
      <c r="J16" s="19">
        <v>1283</v>
      </c>
      <c r="K16" s="19">
        <v>1212</v>
      </c>
    </row>
    <row r="17" spans="1:11" ht="20.100000000000001" customHeight="1">
      <c r="A17" s="20" t="s">
        <v>31</v>
      </c>
      <c r="B17" s="20"/>
      <c r="C17" s="13">
        <v>7816</v>
      </c>
      <c r="D17" s="14">
        <v>3947</v>
      </c>
      <c r="E17" s="14">
        <v>3869</v>
      </c>
      <c r="F17" s="14"/>
      <c r="G17" s="18" t="s">
        <v>32</v>
      </c>
      <c r="H17" s="17"/>
      <c r="I17" s="13">
        <v>11416</v>
      </c>
      <c r="J17" s="14">
        <v>5830</v>
      </c>
      <c r="K17" s="14">
        <v>5586</v>
      </c>
    </row>
    <row r="18" spans="1:11" ht="15" customHeight="1">
      <c r="A18" s="17" t="s">
        <v>33</v>
      </c>
      <c r="B18" s="17"/>
      <c r="C18" s="13">
        <v>1575</v>
      </c>
      <c r="D18" s="19">
        <v>807</v>
      </c>
      <c r="E18" s="19">
        <v>768</v>
      </c>
      <c r="F18" s="19"/>
      <c r="G18" s="18" t="s">
        <v>34</v>
      </c>
      <c r="H18" s="17"/>
      <c r="I18" s="13">
        <v>2435</v>
      </c>
      <c r="J18" s="19">
        <v>1272</v>
      </c>
      <c r="K18" s="19">
        <v>1163</v>
      </c>
    </row>
    <row r="19" spans="1:11" ht="15" customHeight="1">
      <c r="A19" s="17" t="s">
        <v>35</v>
      </c>
      <c r="B19" s="17"/>
      <c r="C19" s="13">
        <v>1521</v>
      </c>
      <c r="D19" s="19">
        <v>783</v>
      </c>
      <c r="E19" s="19">
        <v>738</v>
      </c>
      <c r="F19" s="19"/>
      <c r="G19" s="18" t="s">
        <v>36</v>
      </c>
      <c r="H19" s="17"/>
      <c r="I19" s="13">
        <v>2384</v>
      </c>
      <c r="J19" s="19">
        <v>1217</v>
      </c>
      <c r="K19" s="19">
        <v>1167</v>
      </c>
    </row>
    <row r="20" spans="1:11" ht="15" customHeight="1">
      <c r="A20" s="17" t="s">
        <v>37</v>
      </c>
      <c r="B20" s="17"/>
      <c r="C20" s="13">
        <v>1560</v>
      </c>
      <c r="D20" s="19">
        <v>805</v>
      </c>
      <c r="E20" s="19">
        <v>755</v>
      </c>
      <c r="F20" s="19"/>
      <c r="G20" s="18" t="s">
        <v>38</v>
      </c>
      <c r="H20" s="17"/>
      <c r="I20" s="13">
        <v>2222</v>
      </c>
      <c r="J20" s="19">
        <v>1100</v>
      </c>
      <c r="K20" s="19">
        <v>1122</v>
      </c>
    </row>
    <row r="21" spans="1:11" ht="15" customHeight="1">
      <c r="A21" s="17" t="s">
        <v>39</v>
      </c>
      <c r="B21" s="17"/>
      <c r="C21" s="13">
        <v>1618</v>
      </c>
      <c r="D21" s="19">
        <v>800</v>
      </c>
      <c r="E21" s="19">
        <v>818</v>
      </c>
      <c r="F21" s="19"/>
      <c r="G21" s="18" t="s">
        <v>40</v>
      </c>
      <c r="H21" s="17"/>
      <c r="I21" s="13">
        <v>2181</v>
      </c>
      <c r="J21" s="19">
        <v>1109</v>
      </c>
      <c r="K21" s="19">
        <v>1072</v>
      </c>
    </row>
    <row r="22" spans="1:11" ht="15" customHeight="1">
      <c r="A22" s="17" t="s">
        <v>41</v>
      </c>
      <c r="B22" s="17"/>
      <c r="C22" s="13">
        <v>1542</v>
      </c>
      <c r="D22" s="19">
        <v>752</v>
      </c>
      <c r="E22" s="19">
        <v>790</v>
      </c>
      <c r="F22" s="19"/>
      <c r="G22" s="18" t="s">
        <v>42</v>
      </c>
      <c r="H22" s="17"/>
      <c r="I22" s="13">
        <v>2194</v>
      </c>
      <c r="J22" s="19">
        <v>1132</v>
      </c>
      <c r="K22" s="19">
        <v>1062</v>
      </c>
    </row>
    <row r="23" spans="1:11" ht="20.100000000000001" customHeight="1">
      <c r="A23" s="17" t="s">
        <v>43</v>
      </c>
      <c r="B23" s="17"/>
      <c r="C23" s="13">
        <v>8765</v>
      </c>
      <c r="D23" s="14">
        <v>4599</v>
      </c>
      <c r="E23" s="14">
        <v>4166</v>
      </c>
      <c r="F23" s="14"/>
      <c r="G23" s="18" t="s">
        <v>44</v>
      </c>
      <c r="H23" s="17"/>
      <c r="I23" s="13">
        <v>11354</v>
      </c>
      <c r="J23" s="14">
        <v>5594</v>
      </c>
      <c r="K23" s="14">
        <v>5760</v>
      </c>
    </row>
    <row r="24" spans="1:11" ht="15" customHeight="1">
      <c r="A24" s="17" t="s">
        <v>45</v>
      </c>
      <c r="B24" s="17"/>
      <c r="C24" s="13">
        <v>1548</v>
      </c>
      <c r="D24" s="19">
        <v>806</v>
      </c>
      <c r="E24" s="19">
        <v>742</v>
      </c>
      <c r="F24" s="19"/>
      <c r="G24" s="18" t="s">
        <v>46</v>
      </c>
      <c r="H24" s="17"/>
      <c r="I24" s="13">
        <v>2138</v>
      </c>
      <c r="J24" s="19">
        <v>1089</v>
      </c>
      <c r="K24" s="19">
        <v>1049</v>
      </c>
    </row>
    <row r="25" spans="1:11" ht="15" customHeight="1">
      <c r="A25" s="17" t="s">
        <v>47</v>
      </c>
      <c r="B25" s="17"/>
      <c r="C25" s="13">
        <v>1634</v>
      </c>
      <c r="D25" s="19">
        <v>835</v>
      </c>
      <c r="E25" s="19">
        <v>799</v>
      </c>
      <c r="F25" s="19"/>
      <c r="G25" s="18" t="s">
        <v>48</v>
      </c>
      <c r="H25" s="17"/>
      <c r="I25" s="13">
        <v>2157</v>
      </c>
      <c r="J25" s="19">
        <v>1040</v>
      </c>
      <c r="K25" s="19">
        <v>1117</v>
      </c>
    </row>
    <row r="26" spans="1:11" ht="15" customHeight="1">
      <c r="A26" s="17" t="s">
        <v>49</v>
      </c>
      <c r="B26" s="17"/>
      <c r="C26" s="13">
        <v>1688</v>
      </c>
      <c r="D26" s="19">
        <v>879</v>
      </c>
      <c r="E26" s="19">
        <v>809</v>
      </c>
      <c r="F26" s="19"/>
      <c r="G26" s="18" t="s">
        <v>50</v>
      </c>
      <c r="H26" s="17"/>
      <c r="I26" s="13">
        <v>2181</v>
      </c>
      <c r="J26" s="19">
        <v>1051</v>
      </c>
      <c r="K26" s="19">
        <v>1130</v>
      </c>
    </row>
    <row r="27" spans="1:11" ht="15" customHeight="1">
      <c r="A27" s="17" t="s">
        <v>51</v>
      </c>
      <c r="B27" s="17"/>
      <c r="C27" s="13">
        <v>1771</v>
      </c>
      <c r="D27" s="19">
        <v>930</v>
      </c>
      <c r="E27" s="19">
        <v>841</v>
      </c>
      <c r="F27" s="19"/>
      <c r="G27" s="18" t="s">
        <v>52</v>
      </c>
      <c r="H27" s="17"/>
      <c r="I27" s="13">
        <v>2409</v>
      </c>
      <c r="J27" s="19">
        <v>1200</v>
      </c>
      <c r="K27" s="19">
        <v>1209</v>
      </c>
    </row>
    <row r="28" spans="1:11" ht="15" customHeight="1">
      <c r="A28" s="17" t="s">
        <v>53</v>
      </c>
      <c r="B28" s="17"/>
      <c r="C28" s="13">
        <v>2124</v>
      </c>
      <c r="D28" s="19">
        <v>1149</v>
      </c>
      <c r="E28" s="19">
        <v>975</v>
      </c>
      <c r="F28" s="19"/>
      <c r="G28" s="18" t="s">
        <v>54</v>
      </c>
      <c r="H28" s="17"/>
      <c r="I28" s="13">
        <v>2469</v>
      </c>
      <c r="J28" s="19">
        <v>1214</v>
      </c>
      <c r="K28" s="19">
        <v>1255</v>
      </c>
    </row>
    <row r="29" spans="1:11" ht="20.100000000000001" customHeight="1">
      <c r="A29" s="17" t="s">
        <v>55</v>
      </c>
      <c r="B29" s="17"/>
      <c r="C29" s="13">
        <v>12477</v>
      </c>
      <c r="D29" s="14">
        <v>6607</v>
      </c>
      <c r="E29" s="14">
        <v>5870</v>
      </c>
      <c r="F29" s="14"/>
      <c r="G29" s="18" t="s">
        <v>56</v>
      </c>
      <c r="H29" s="17"/>
      <c r="I29" s="13">
        <v>13542</v>
      </c>
      <c r="J29" s="14">
        <v>6355</v>
      </c>
      <c r="K29" s="14">
        <v>7187</v>
      </c>
    </row>
    <row r="30" spans="1:11" ht="15" customHeight="1">
      <c r="A30" s="17" t="s">
        <v>57</v>
      </c>
      <c r="B30" s="17"/>
      <c r="C30" s="13">
        <v>2290</v>
      </c>
      <c r="D30" s="19">
        <v>1216</v>
      </c>
      <c r="E30" s="19">
        <v>1074</v>
      </c>
      <c r="F30" s="19"/>
      <c r="G30" s="18" t="s">
        <v>58</v>
      </c>
      <c r="H30" s="17"/>
      <c r="I30" s="13">
        <v>2676</v>
      </c>
      <c r="J30" s="19">
        <v>1294</v>
      </c>
      <c r="K30" s="19">
        <v>1382</v>
      </c>
    </row>
    <row r="31" spans="1:11" ht="15" customHeight="1">
      <c r="A31" s="17" t="s">
        <v>59</v>
      </c>
      <c r="B31" s="17"/>
      <c r="C31" s="13">
        <v>2422</v>
      </c>
      <c r="D31" s="19">
        <v>1322</v>
      </c>
      <c r="E31" s="19">
        <v>1100</v>
      </c>
      <c r="F31" s="19"/>
      <c r="G31" s="18" t="s">
        <v>60</v>
      </c>
      <c r="H31" s="17"/>
      <c r="I31" s="13">
        <v>3137</v>
      </c>
      <c r="J31" s="19">
        <v>1450</v>
      </c>
      <c r="K31" s="19">
        <v>1687</v>
      </c>
    </row>
    <row r="32" spans="1:11" ht="15" customHeight="1">
      <c r="A32" s="17" t="s">
        <v>61</v>
      </c>
      <c r="B32" s="17"/>
      <c r="C32" s="13">
        <v>2550</v>
      </c>
      <c r="D32" s="19">
        <v>1338</v>
      </c>
      <c r="E32" s="19">
        <v>1212</v>
      </c>
      <c r="F32" s="19"/>
      <c r="G32" s="18" t="s">
        <v>62</v>
      </c>
      <c r="H32" s="17"/>
      <c r="I32" s="13">
        <v>2870</v>
      </c>
      <c r="J32" s="19">
        <v>1329</v>
      </c>
      <c r="K32" s="19">
        <v>1541</v>
      </c>
    </row>
    <row r="33" spans="1:11" ht="15" customHeight="1">
      <c r="A33" s="17" t="s">
        <v>63</v>
      </c>
      <c r="B33" s="17"/>
      <c r="C33" s="13">
        <v>2604</v>
      </c>
      <c r="D33" s="19">
        <v>1371</v>
      </c>
      <c r="E33" s="19">
        <v>1233</v>
      </c>
      <c r="F33" s="19"/>
      <c r="G33" s="18" t="s">
        <v>64</v>
      </c>
      <c r="H33" s="17"/>
      <c r="I33" s="13">
        <v>2948</v>
      </c>
      <c r="J33" s="19">
        <v>1404</v>
      </c>
      <c r="K33" s="19">
        <v>1544</v>
      </c>
    </row>
    <row r="34" spans="1:11" ht="15" customHeight="1">
      <c r="A34" s="17" t="s">
        <v>65</v>
      </c>
      <c r="B34" s="17"/>
      <c r="C34" s="13">
        <v>2611</v>
      </c>
      <c r="D34" s="19">
        <v>1360</v>
      </c>
      <c r="E34" s="19">
        <v>1251</v>
      </c>
      <c r="F34" s="19"/>
      <c r="G34" s="18" t="s">
        <v>66</v>
      </c>
      <c r="H34" s="17"/>
      <c r="I34" s="13">
        <v>1911</v>
      </c>
      <c r="J34" s="19">
        <v>878</v>
      </c>
      <c r="K34" s="19">
        <v>1033</v>
      </c>
    </row>
    <row r="35" spans="1:11" ht="20.100000000000001" customHeight="1">
      <c r="A35" s="17" t="s">
        <v>67</v>
      </c>
      <c r="B35" s="17"/>
      <c r="C35" s="13">
        <v>11064</v>
      </c>
      <c r="D35" s="14">
        <v>5745</v>
      </c>
      <c r="E35" s="14">
        <v>5319</v>
      </c>
      <c r="F35" s="14"/>
      <c r="G35" s="18" t="s">
        <v>68</v>
      </c>
      <c r="H35" s="17"/>
      <c r="I35" s="13">
        <v>10715</v>
      </c>
      <c r="J35" s="14">
        <v>4563</v>
      </c>
      <c r="K35" s="14">
        <v>6152</v>
      </c>
    </row>
    <row r="36" spans="1:11" ht="15" customHeight="1">
      <c r="A36" s="17" t="s">
        <v>69</v>
      </c>
      <c r="B36" s="17"/>
      <c r="C36" s="13">
        <v>2311</v>
      </c>
      <c r="D36" s="19">
        <v>1158</v>
      </c>
      <c r="E36" s="19">
        <v>1153</v>
      </c>
      <c r="F36" s="19"/>
      <c r="G36" s="18" t="s">
        <v>70</v>
      </c>
      <c r="H36" s="17"/>
      <c r="I36" s="13">
        <v>1797</v>
      </c>
      <c r="J36" s="19">
        <v>794</v>
      </c>
      <c r="K36" s="19">
        <v>1003</v>
      </c>
    </row>
    <row r="37" spans="1:11" ht="15" customHeight="1">
      <c r="A37" s="17" t="s">
        <v>71</v>
      </c>
      <c r="B37" s="17"/>
      <c r="C37" s="13">
        <v>2312</v>
      </c>
      <c r="D37" s="19">
        <v>1208</v>
      </c>
      <c r="E37" s="19">
        <v>1104</v>
      </c>
      <c r="F37" s="19"/>
      <c r="G37" s="18" t="s">
        <v>72</v>
      </c>
      <c r="H37" s="17"/>
      <c r="I37" s="13">
        <v>2188</v>
      </c>
      <c r="J37" s="19">
        <v>939</v>
      </c>
      <c r="K37" s="19">
        <v>1249</v>
      </c>
    </row>
    <row r="38" spans="1:11" ht="15" customHeight="1">
      <c r="A38" s="17" t="s">
        <v>73</v>
      </c>
      <c r="B38" s="17"/>
      <c r="C38" s="13">
        <v>2204</v>
      </c>
      <c r="D38" s="19">
        <v>1133</v>
      </c>
      <c r="E38" s="19">
        <v>1071</v>
      </c>
      <c r="F38" s="19"/>
      <c r="G38" s="18" t="s">
        <v>74</v>
      </c>
      <c r="H38" s="17"/>
      <c r="I38" s="13">
        <v>2281</v>
      </c>
      <c r="J38" s="19">
        <v>988</v>
      </c>
      <c r="K38" s="19">
        <v>1293</v>
      </c>
    </row>
    <row r="39" spans="1:11" ht="15" customHeight="1">
      <c r="A39" s="17" t="s">
        <v>75</v>
      </c>
      <c r="B39" s="17"/>
      <c r="C39" s="13">
        <v>2133</v>
      </c>
      <c r="D39" s="19">
        <v>1131</v>
      </c>
      <c r="E39" s="19">
        <v>1002</v>
      </c>
      <c r="F39" s="19"/>
      <c r="G39" s="18" t="s">
        <v>76</v>
      </c>
      <c r="H39" s="17"/>
      <c r="I39" s="13">
        <v>2267</v>
      </c>
      <c r="J39" s="19">
        <v>957</v>
      </c>
      <c r="K39" s="19">
        <v>1310</v>
      </c>
    </row>
    <row r="40" spans="1:11" ht="15" customHeight="1">
      <c r="A40" s="17" t="s">
        <v>77</v>
      </c>
      <c r="B40" s="17"/>
      <c r="C40" s="13">
        <v>2104</v>
      </c>
      <c r="D40" s="19">
        <v>1115</v>
      </c>
      <c r="E40" s="19">
        <v>989</v>
      </c>
      <c r="F40" s="19"/>
      <c r="G40" s="18" t="s">
        <v>78</v>
      </c>
      <c r="H40" s="17"/>
      <c r="I40" s="13">
        <v>2182</v>
      </c>
      <c r="J40" s="19">
        <v>885</v>
      </c>
      <c r="K40" s="19">
        <v>1297</v>
      </c>
    </row>
    <row r="41" spans="1:11" ht="20.100000000000001" customHeight="1">
      <c r="A41" s="17" t="s">
        <v>79</v>
      </c>
      <c r="B41" s="17"/>
      <c r="C41" s="13">
        <v>10424</v>
      </c>
      <c r="D41" s="14">
        <v>5418</v>
      </c>
      <c r="E41" s="14">
        <v>5006</v>
      </c>
      <c r="F41" s="14"/>
      <c r="G41" s="18" t="s">
        <v>80</v>
      </c>
      <c r="H41" s="17"/>
      <c r="I41" s="13">
        <v>8682</v>
      </c>
      <c r="J41" s="14">
        <v>3533</v>
      </c>
      <c r="K41" s="14">
        <v>5149</v>
      </c>
    </row>
    <row r="42" spans="1:11" ht="15" customHeight="1">
      <c r="A42" s="17" t="s">
        <v>81</v>
      </c>
      <c r="B42" s="17"/>
      <c r="C42" s="13">
        <v>2013</v>
      </c>
      <c r="D42" s="19">
        <v>1058</v>
      </c>
      <c r="E42" s="19">
        <v>955</v>
      </c>
      <c r="F42" s="19"/>
      <c r="G42" s="18" t="s">
        <v>82</v>
      </c>
      <c r="H42" s="17"/>
      <c r="I42" s="13">
        <v>2061</v>
      </c>
      <c r="J42" s="19">
        <v>866</v>
      </c>
      <c r="K42" s="19">
        <v>1195</v>
      </c>
    </row>
    <row r="43" spans="1:11" ht="15" customHeight="1">
      <c r="A43" s="17" t="s">
        <v>83</v>
      </c>
      <c r="B43" s="17"/>
      <c r="C43" s="13">
        <v>1936</v>
      </c>
      <c r="D43" s="19">
        <v>988</v>
      </c>
      <c r="E43" s="19">
        <v>948</v>
      </c>
      <c r="F43" s="19"/>
      <c r="G43" s="18" t="s">
        <v>84</v>
      </c>
      <c r="H43" s="17"/>
      <c r="I43" s="13">
        <v>1702</v>
      </c>
      <c r="J43" s="19">
        <v>705</v>
      </c>
      <c r="K43" s="19">
        <v>997</v>
      </c>
    </row>
    <row r="44" spans="1:11" ht="15" customHeight="1">
      <c r="A44" s="17" t="s">
        <v>85</v>
      </c>
      <c r="B44" s="17"/>
      <c r="C44" s="13">
        <v>2145</v>
      </c>
      <c r="D44" s="19">
        <v>1085</v>
      </c>
      <c r="E44" s="19">
        <v>1060</v>
      </c>
      <c r="F44" s="19"/>
      <c r="G44" s="18" t="s">
        <v>86</v>
      </c>
      <c r="H44" s="17"/>
      <c r="I44" s="13">
        <v>1609</v>
      </c>
      <c r="J44" s="19">
        <v>669</v>
      </c>
      <c r="K44" s="19">
        <v>940</v>
      </c>
    </row>
    <row r="45" spans="1:11" ht="15" customHeight="1">
      <c r="A45" s="17" t="s">
        <v>87</v>
      </c>
      <c r="B45" s="17"/>
      <c r="C45" s="13">
        <v>2149</v>
      </c>
      <c r="D45" s="19">
        <v>1126</v>
      </c>
      <c r="E45" s="19">
        <v>1023</v>
      </c>
      <c r="F45" s="19"/>
      <c r="G45" s="18" t="s">
        <v>88</v>
      </c>
      <c r="H45" s="17"/>
      <c r="I45" s="13">
        <v>1727</v>
      </c>
      <c r="J45" s="19">
        <v>672</v>
      </c>
      <c r="K45" s="19">
        <v>1055</v>
      </c>
    </row>
    <row r="46" spans="1:11" ht="15" customHeight="1">
      <c r="A46" s="17" t="s">
        <v>89</v>
      </c>
      <c r="B46" s="17"/>
      <c r="C46" s="13">
        <v>2181</v>
      </c>
      <c r="D46" s="19">
        <v>1161</v>
      </c>
      <c r="E46" s="19">
        <v>1020</v>
      </c>
      <c r="F46" s="19"/>
      <c r="G46" s="18" t="s">
        <v>90</v>
      </c>
      <c r="H46" s="17"/>
      <c r="I46" s="13">
        <v>1583</v>
      </c>
      <c r="J46" s="19">
        <v>621</v>
      </c>
      <c r="K46" s="19">
        <v>962</v>
      </c>
    </row>
    <row r="47" spans="1:11" ht="20.100000000000001" customHeight="1">
      <c r="A47" s="17" t="s">
        <v>91</v>
      </c>
      <c r="B47" s="17"/>
      <c r="C47" s="13">
        <v>11991</v>
      </c>
      <c r="D47" s="14">
        <v>6116</v>
      </c>
      <c r="E47" s="14">
        <v>5875</v>
      </c>
      <c r="F47" s="14"/>
      <c r="G47" s="18" t="s">
        <v>92</v>
      </c>
      <c r="H47" s="17"/>
      <c r="I47" s="13">
        <v>6081</v>
      </c>
      <c r="J47" s="14">
        <v>2172</v>
      </c>
      <c r="K47" s="14">
        <v>3909</v>
      </c>
    </row>
    <row r="48" spans="1:11" ht="15" customHeight="1">
      <c r="A48" s="17" t="s">
        <v>93</v>
      </c>
      <c r="B48" s="17"/>
      <c r="C48" s="13">
        <v>2236</v>
      </c>
      <c r="D48" s="19">
        <v>1089</v>
      </c>
      <c r="E48" s="19">
        <v>1147</v>
      </c>
      <c r="F48" s="19"/>
      <c r="G48" s="18" t="s">
        <v>94</v>
      </c>
      <c r="H48" s="17"/>
      <c r="I48" s="13">
        <v>1559</v>
      </c>
      <c r="J48" s="19">
        <v>594</v>
      </c>
      <c r="K48" s="19">
        <v>965</v>
      </c>
    </row>
    <row r="49" spans="1:11" ht="15" customHeight="1">
      <c r="A49" s="17" t="s">
        <v>95</v>
      </c>
      <c r="B49" s="17"/>
      <c r="C49" s="13">
        <v>2439</v>
      </c>
      <c r="D49" s="19">
        <v>1249</v>
      </c>
      <c r="E49" s="19">
        <v>1190</v>
      </c>
      <c r="F49" s="19"/>
      <c r="G49" s="18" t="s">
        <v>96</v>
      </c>
      <c r="H49" s="17"/>
      <c r="I49" s="13">
        <v>1323</v>
      </c>
      <c r="J49" s="19">
        <v>468</v>
      </c>
      <c r="K49" s="19">
        <v>855</v>
      </c>
    </row>
    <row r="50" spans="1:11" ht="15" customHeight="1">
      <c r="A50" s="17" t="s">
        <v>97</v>
      </c>
      <c r="B50" s="17"/>
      <c r="C50" s="13">
        <v>2413</v>
      </c>
      <c r="D50" s="19">
        <v>1280</v>
      </c>
      <c r="E50" s="19">
        <v>1133</v>
      </c>
      <c r="F50" s="19"/>
      <c r="G50" s="18" t="s">
        <v>98</v>
      </c>
      <c r="H50" s="17"/>
      <c r="I50" s="13">
        <v>1216</v>
      </c>
      <c r="J50" s="19">
        <v>435</v>
      </c>
      <c r="K50" s="19">
        <v>781</v>
      </c>
    </row>
    <row r="51" spans="1:11" ht="15" customHeight="1">
      <c r="A51" s="17" t="s">
        <v>99</v>
      </c>
      <c r="B51" s="17"/>
      <c r="C51" s="13">
        <v>2372</v>
      </c>
      <c r="D51" s="19">
        <v>1222</v>
      </c>
      <c r="E51" s="19">
        <v>1150</v>
      </c>
      <c r="F51" s="19"/>
      <c r="G51" s="18" t="s">
        <v>100</v>
      </c>
      <c r="H51" s="17"/>
      <c r="I51" s="13">
        <v>1071</v>
      </c>
      <c r="J51" s="19">
        <v>370</v>
      </c>
      <c r="K51" s="19">
        <v>701</v>
      </c>
    </row>
    <row r="52" spans="1:11" ht="15" customHeight="1">
      <c r="A52" s="17" t="s">
        <v>101</v>
      </c>
      <c r="B52" s="17"/>
      <c r="C52" s="13">
        <v>2531</v>
      </c>
      <c r="D52" s="19">
        <v>1276</v>
      </c>
      <c r="E52" s="19">
        <v>1255</v>
      </c>
      <c r="F52" s="19"/>
      <c r="G52" s="18" t="s">
        <v>102</v>
      </c>
      <c r="H52" s="17"/>
      <c r="I52" s="13">
        <v>912</v>
      </c>
      <c r="J52" s="19">
        <v>305</v>
      </c>
      <c r="K52" s="19">
        <v>607</v>
      </c>
    </row>
    <row r="53" spans="1:11" ht="20.100000000000001" customHeight="1">
      <c r="A53" s="17" t="s">
        <v>103</v>
      </c>
      <c r="B53" s="17"/>
      <c r="C53" s="13">
        <v>13389</v>
      </c>
      <c r="D53" s="14">
        <v>6845</v>
      </c>
      <c r="E53" s="14">
        <v>6544</v>
      </c>
      <c r="F53" s="14"/>
      <c r="G53" s="18" t="s">
        <v>104</v>
      </c>
      <c r="H53" s="17"/>
      <c r="I53" s="13">
        <v>2735</v>
      </c>
      <c r="J53" s="14">
        <v>822</v>
      </c>
      <c r="K53" s="14">
        <v>1913</v>
      </c>
    </row>
    <row r="54" spans="1:11" ht="15" customHeight="1">
      <c r="A54" s="17" t="s">
        <v>105</v>
      </c>
      <c r="B54" s="17"/>
      <c r="C54" s="13">
        <v>2515</v>
      </c>
      <c r="D54" s="19">
        <v>1261</v>
      </c>
      <c r="E54" s="19">
        <v>1254</v>
      </c>
      <c r="F54" s="19"/>
      <c r="G54" s="18" t="s">
        <v>106</v>
      </c>
      <c r="H54" s="17"/>
      <c r="I54" s="13">
        <v>805</v>
      </c>
      <c r="J54" s="19">
        <v>265</v>
      </c>
      <c r="K54" s="19">
        <v>540</v>
      </c>
    </row>
    <row r="55" spans="1:11" ht="15" customHeight="1">
      <c r="A55" s="17" t="s">
        <v>107</v>
      </c>
      <c r="B55" s="17"/>
      <c r="C55" s="13">
        <v>2562</v>
      </c>
      <c r="D55" s="19">
        <v>1313</v>
      </c>
      <c r="E55" s="19">
        <v>1249</v>
      </c>
      <c r="F55" s="19"/>
      <c r="G55" s="18" t="s">
        <v>108</v>
      </c>
      <c r="H55" s="17"/>
      <c r="I55" s="13">
        <v>609</v>
      </c>
      <c r="J55" s="19">
        <v>180</v>
      </c>
      <c r="K55" s="19">
        <v>429</v>
      </c>
    </row>
    <row r="56" spans="1:11" ht="15" customHeight="1">
      <c r="A56" s="17" t="s">
        <v>109</v>
      </c>
      <c r="B56" s="17"/>
      <c r="C56" s="13">
        <v>2751</v>
      </c>
      <c r="D56" s="19">
        <v>1422</v>
      </c>
      <c r="E56" s="19">
        <v>1329</v>
      </c>
      <c r="F56" s="19"/>
      <c r="G56" s="18" t="s">
        <v>110</v>
      </c>
      <c r="H56" s="17"/>
      <c r="I56" s="13">
        <v>581</v>
      </c>
      <c r="J56" s="19">
        <v>161</v>
      </c>
      <c r="K56" s="19">
        <v>420</v>
      </c>
    </row>
    <row r="57" spans="1:11" ht="15" customHeight="1">
      <c r="A57" s="17" t="s">
        <v>111</v>
      </c>
      <c r="B57" s="17"/>
      <c r="C57" s="13">
        <v>2739</v>
      </c>
      <c r="D57" s="19">
        <v>1421</v>
      </c>
      <c r="E57" s="19">
        <v>1318</v>
      </c>
      <c r="F57" s="19"/>
      <c r="G57" s="18" t="s">
        <v>112</v>
      </c>
      <c r="H57" s="17"/>
      <c r="I57" s="13">
        <v>398</v>
      </c>
      <c r="J57" s="19">
        <v>109</v>
      </c>
      <c r="K57" s="19">
        <v>289</v>
      </c>
    </row>
    <row r="58" spans="1:11" ht="15" customHeight="1">
      <c r="A58" s="17" t="s">
        <v>113</v>
      </c>
      <c r="B58" s="17"/>
      <c r="C58" s="13">
        <v>2822</v>
      </c>
      <c r="D58" s="19">
        <v>1428</v>
      </c>
      <c r="E58" s="19">
        <v>1394</v>
      </c>
      <c r="F58" s="19"/>
      <c r="G58" s="18" t="s">
        <v>114</v>
      </c>
      <c r="H58" s="17"/>
      <c r="I58" s="13">
        <v>342</v>
      </c>
      <c r="J58" s="19">
        <v>107</v>
      </c>
      <c r="K58" s="19">
        <v>235</v>
      </c>
    </row>
    <row r="59" spans="1:11" ht="20.100000000000001" customHeight="1">
      <c r="A59" s="17" t="s">
        <v>115</v>
      </c>
      <c r="B59" s="17"/>
      <c r="C59" s="13">
        <v>15940</v>
      </c>
      <c r="D59" s="14">
        <v>8137</v>
      </c>
      <c r="E59" s="14">
        <v>7803</v>
      </c>
      <c r="F59" s="14"/>
      <c r="G59" s="18" t="s">
        <v>116</v>
      </c>
      <c r="H59" s="17"/>
      <c r="I59" s="13">
        <v>722</v>
      </c>
      <c r="J59" s="14">
        <v>141</v>
      </c>
      <c r="K59" s="14">
        <v>581</v>
      </c>
    </row>
    <row r="60" spans="1:11" ht="15" customHeight="1">
      <c r="A60" s="17" t="s">
        <v>117</v>
      </c>
      <c r="B60" s="17"/>
      <c r="C60" s="13">
        <v>2899</v>
      </c>
      <c r="D60" s="19">
        <v>1487</v>
      </c>
      <c r="E60" s="19">
        <v>1412</v>
      </c>
      <c r="F60" s="19"/>
      <c r="G60" s="18" t="s">
        <v>118</v>
      </c>
      <c r="H60" s="17"/>
      <c r="I60" s="13">
        <v>281</v>
      </c>
      <c r="J60" s="19">
        <v>63</v>
      </c>
      <c r="K60" s="19">
        <v>218</v>
      </c>
    </row>
    <row r="61" spans="1:11" ht="15" customHeight="1">
      <c r="A61" s="17" t="s">
        <v>119</v>
      </c>
      <c r="B61" s="17"/>
      <c r="C61" s="13">
        <v>3158</v>
      </c>
      <c r="D61" s="19">
        <v>1612</v>
      </c>
      <c r="E61" s="19">
        <v>1546</v>
      </c>
      <c r="F61" s="19"/>
      <c r="G61" s="18" t="s">
        <v>120</v>
      </c>
      <c r="H61" s="17"/>
      <c r="I61" s="13">
        <v>173</v>
      </c>
      <c r="J61" s="19">
        <v>29</v>
      </c>
      <c r="K61" s="19">
        <v>144</v>
      </c>
    </row>
    <row r="62" spans="1:11" ht="15" customHeight="1">
      <c r="A62" s="17" t="s">
        <v>121</v>
      </c>
      <c r="B62" s="17"/>
      <c r="C62" s="13">
        <v>3240</v>
      </c>
      <c r="D62" s="19">
        <v>1663</v>
      </c>
      <c r="E62" s="19">
        <v>1577</v>
      </c>
      <c r="F62" s="19"/>
      <c r="G62" s="18" t="s">
        <v>122</v>
      </c>
      <c r="H62" s="17"/>
      <c r="I62" s="13">
        <v>123</v>
      </c>
      <c r="J62" s="19">
        <v>24</v>
      </c>
      <c r="K62" s="19">
        <v>99</v>
      </c>
    </row>
    <row r="63" spans="1:11" ht="15" customHeight="1">
      <c r="A63" s="17" t="s">
        <v>123</v>
      </c>
      <c r="B63" s="17"/>
      <c r="C63" s="13">
        <v>3308</v>
      </c>
      <c r="D63" s="19">
        <v>1671</v>
      </c>
      <c r="E63" s="19">
        <v>1637</v>
      </c>
      <c r="F63" s="19"/>
      <c r="G63" s="18" t="s">
        <v>124</v>
      </c>
      <c r="H63" s="17"/>
      <c r="I63" s="13">
        <v>90</v>
      </c>
      <c r="J63" s="19">
        <v>14</v>
      </c>
      <c r="K63" s="19">
        <v>76</v>
      </c>
    </row>
    <row r="64" spans="1:11" ht="15" customHeight="1">
      <c r="A64" s="17" t="s">
        <v>125</v>
      </c>
      <c r="B64" s="17"/>
      <c r="C64" s="13">
        <v>3335</v>
      </c>
      <c r="D64" s="19">
        <v>1704</v>
      </c>
      <c r="E64" s="19">
        <v>1631</v>
      </c>
      <c r="F64" s="19"/>
      <c r="G64" s="18" t="s">
        <v>126</v>
      </c>
      <c r="H64" s="17"/>
      <c r="I64" s="13">
        <v>55</v>
      </c>
      <c r="J64" s="19">
        <v>11</v>
      </c>
      <c r="K64" s="19">
        <v>4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1</v>
      </c>
      <c r="J65" s="19">
        <v>18</v>
      </c>
      <c r="K65" s="19">
        <v>9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281</v>
      </c>
      <c r="J66" s="29">
        <v>2799</v>
      </c>
      <c r="K66" s="29">
        <v>348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66640</v>
      </c>
      <c r="D4" s="14">
        <v>81982</v>
      </c>
      <c r="E4" s="14">
        <v>8465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748</v>
      </c>
      <c r="D5" s="14">
        <v>2902</v>
      </c>
      <c r="E5" s="14">
        <v>2846</v>
      </c>
      <c r="F5" s="14"/>
      <c r="G5" s="18" t="s">
        <v>8</v>
      </c>
      <c r="H5" s="17"/>
      <c r="I5" s="13">
        <v>12135</v>
      </c>
      <c r="J5" s="14">
        <v>6168</v>
      </c>
      <c r="K5" s="14">
        <v>5967</v>
      </c>
    </row>
    <row r="6" spans="1:11" ht="15" customHeight="1">
      <c r="A6" s="17" t="s">
        <v>9</v>
      </c>
      <c r="B6" s="17"/>
      <c r="C6" s="13">
        <v>1011</v>
      </c>
      <c r="D6" s="19">
        <v>498</v>
      </c>
      <c r="E6" s="19">
        <v>513</v>
      </c>
      <c r="F6" s="19"/>
      <c r="G6" s="18" t="s">
        <v>10</v>
      </c>
      <c r="H6" s="17"/>
      <c r="I6" s="13">
        <v>2646</v>
      </c>
      <c r="J6" s="19">
        <v>1404</v>
      </c>
      <c r="K6" s="19">
        <v>1242</v>
      </c>
    </row>
    <row r="7" spans="1:11" ht="15" customHeight="1">
      <c r="A7" s="17" t="s">
        <v>11</v>
      </c>
      <c r="B7" s="17"/>
      <c r="C7" s="13">
        <v>1065</v>
      </c>
      <c r="D7" s="19">
        <v>513</v>
      </c>
      <c r="E7" s="19">
        <v>552</v>
      </c>
      <c r="F7" s="19"/>
      <c r="G7" s="18" t="s">
        <v>12</v>
      </c>
      <c r="H7" s="17"/>
      <c r="I7" s="13">
        <v>2547</v>
      </c>
      <c r="J7" s="19">
        <v>1267</v>
      </c>
      <c r="K7" s="19">
        <v>1280</v>
      </c>
    </row>
    <row r="8" spans="1:11" ht="15" customHeight="1">
      <c r="A8" s="17" t="s">
        <v>13</v>
      </c>
      <c r="B8" s="17"/>
      <c r="C8" s="13">
        <v>1202</v>
      </c>
      <c r="D8" s="19">
        <v>622</v>
      </c>
      <c r="E8" s="19">
        <v>580</v>
      </c>
      <c r="F8" s="19"/>
      <c r="G8" s="18" t="s">
        <v>14</v>
      </c>
      <c r="H8" s="17"/>
      <c r="I8" s="13">
        <v>2527</v>
      </c>
      <c r="J8" s="19">
        <v>1251</v>
      </c>
      <c r="K8" s="19">
        <v>1276</v>
      </c>
    </row>
    <row r="9" spans="1:11" ht="15" customHeight="1">
      <c r="A9" s="17" t="s">
        <v>15</v>
      </c>
      <c r="B9" s="17"/>
      <c r="C9" s="13">
        <v>1225</v>
      </c>
      <c r="D9" s="19">
        <v>636</v>
      </c>
      <c r="E9" s="19">
        <v>589</v>
      </c>
      <c r="F9" s="19"/>
      <c r="G9" s="18" t="s">
        <v>16</v>
      </c>
      <c r="H9" s="17"/>
      <c r="I9" s="13">
        <v>2607</v>
      </c>
      <c r="J9" s="19">
        <v>1295</v>
      </c>
      <c r="K9" s="19">
        <v>1312</v>
      </c>
    </row>
    <row r="10" spans="1:11" ht="15" customHeight="1">
      <c r="A10" s="17" t="s">
        <v>17</v>
      </c>
      <c r="B10" s="17"/>
      <c r="C10" s="13">
        <v>1245</v>
      </c>
      <c r="D10" s="19">
        <v>633</v>
      </c>
      <c r="E10" s="19">
        <v>612</v>
      </c>
      <c r="F10" s="19"/>
      <c r="G10" s="18" t="s">
        <v>18</v>
      </c>
      <c r="H10" s="17"/>
      <c r="I10" s="13">
        <v>1808</v>
      </c>
      <c r="J10" s="19">
        <v>951</v>
      </c>
      <c r="K10" s="19">
        <v>857</v>
      </c>
    </row>
    <row r="11" spans="1:11" ht="20.100000000000001" customHeight="1">
      <c r="A11" s="17" t="s">
        <v>19</v>
      </c>
      <c r="B11" s="17"/>
      <c r="C11" s="13">
        <v>6490</v>
      </c>
      <c r="D11" s="14">
        <v>3391</v>
      </c>
      <c r="E11" s="14">
        <v>3099</v>
      </c>
      <c r="F11" s="14"/>
      <c r="G11" s="18" t="s">
        <v>20</v>
      </c>
      <c r="H11" s="17"/>
      <c r="I11" s="13">
        <v>10862</v>
      </c>
      <c r="J11" s="14">
        <v>5441</v>
      </c>
      <c r="K11" s="14">
        <v>5421</v>
      </c>
    </row>
    <row r="12" spans="1:11" ht="15" customHeight="1">
      <c r="A12" s="17" t="s">
        <v>21</v>
      </c>
      <c r="B12" s="17"/>
      <c r="C12" s="13">
        <v>1304</v>
      </c>
      <c r="D12" s="19">
        <v>668</v>
      </c>
      <c r="E12" s="19">
        <v>636</v>
      </c>
      <c r="F12" s="19"/>
      <c r="G12" s="18" t="s">
        <v>22</v>
      </c>
      <c r="H12" s="17"/>
      <c r="I12" s="13">
        <v>2390</v>
      </c>
      <c r="J12" s="19">
        <v>1207</v>
      </c>
      <c r="K12" s="19">
        <v>1183</v>
      </c>
    </row>
    <row r="13" spans="1:11" ht="15" customHeight="1">
      <c r="A13" s="17" t="s">
        <v>23</v>
      </c>
      <c r="B13" s="17"/>
      <c r="C13" s="13">
        <v>1281</v>
      </c>
      <c r="D13" s="19">
        <v>679</v>
      </c>
      <c r="E13" s="19">
        <v>602</v>
      </c>
      <c r="F13" s="19"/>
      <c r="G13" s="18" t="s">
        <v>24</v>
      </c>
      <c r="H13" s="17"/>
      <c r="I13" s="13">
        <v>2227</v>
      </c>
      <c r="J13" s="19">
        <v>1087</v>
      </c>
      <c r="K13" s="19">
        <v>1140</v>
      </c>
    </row>
    <row r="14" spans="1:11" ht="15" customHeight="1">
      <c r="A14" s="17" t="s">
        <v>25</v>
      </c>
      <c r="B14" s="17"/>
      <c r="C14" s="13">
        <v>1288</v>
      </c>
      <c r="D14" s="19">
        <v>667</v>
      </c>
      <c r="E14" s="19">
        <v>621</v>
      </c>
      <c r="F14" s="19"/>
      <c r="G14" s="18" t="s">
        <v>26</v>
      </c>
      <c r="H14" s="17"/>
      <c r="I14" s="13">
        <v>2202</v>
      </c>
      <c r="J14" s="19">
        <v>1110</v>
      </c>
      <c r="K14" s="19">
        <v>1092</v>
      </c>
    </row>
    <row r="15" spans="1:11" ht="15" customHeight="1">
      <c r="A15" s="17" t="s">
        <v>27</v>
      </c>
      <c r="B15" s="17"/>
      <c r="C15" s="13">
        <v>1344</v>
      </c>
      <c r="D15" s="19">
        <v>699</v>
      </c>
      <c r="E15" s="19">
        <v>645</v>
      </c>
      <c r="F15" s="19"/>
      <c r="G15" s="18" t="s">
        <v>28</v>
      </c>
      <c r="H15" s="17"/>
      <c r="I15" s="13">
        <v>2046</v>
      </c>
      <c r="J15" s="19">
        <v>1016</v>
      </c>
      <c r="K15" s="19">
        <v>1030</v>
      </c>
    </row>
    <row r="16" spans="1:11" ht="15" customHeight="1">
      <c r="A16" s="17" t="s">
        <v>29</v>
      </c>
      <c r="B16" s="17"/>
      <c r="C16" s="13">
        <v>1273</v>
      </c>
      <c r="D16" s="19">
        <v>678</v>
      </c>
      <c r="E16" s="19">
        <v>595</v>
      </c>
      <c r="F16" s="19"/>
      <c r="G16" s="18" t="s">
        <v>30</v>
      </c>
      <c r="H16" s="17"/>
      <c r="I16" s="13">
        <v>1997</v>
      </c>
      <c r="J16" s="19">
        <v>1021</v>
      </c>
      <c r="K16" s="19">
        <v>976</v>
      </c>
    </row>
    <row r="17" spans="1:11" ht="20.100000000000001" customHeight="1">
      <c r="A17" s="20" t="s">
        <v>31</v>
      </c>
      <c r="B17" s="20"/>
      <c r="C17" s="13">
        <v>6566</v>
      </c>
      <c r="D17" s="14">
        <v>3377</v>
      </c>
      <c r="E17" s="14">
        <v>3189</v>
      </c>
      <c r="F17" s="14"/>
      <c r="G17" s="18" t="s">
        <v>32</v>
      </c>
      <c r="H17" s="17"/>
      <c r="I17" s="13">
        <v>9329</v>
      </c>
      <c r="J17" s="14">
        <v>4606</v>
      </c>
      <c r="K17" s="14">
        <v>4723</v>
      </c>
    </row>
    <row r="18" spans="1:11" ht="15" customHeight="1">
      <c r="A18" s="17" t="s">
        <v>33</v>
      </c>
      <c r="B18" s="17"/>
      <c r="C18" s="13">
        <v>1283</v>
      </c>
      <c r="D18" s="19">
        <v>647</v>
      </c>
      <c r="E18" s="19">
        <v>636</v>
      </c>
      <c r="F18" s="19"/>
      <c r="G18" s="18" t="s">
        <v>34</v>
      </c>
      <c r="H18" s="17"/>
      <c r="I18" s="13">
        <v>2003</v>
      </c>
      <c r="J18" s="19">
        <v>1005</v>
      </c>
      <c r="K18" s="19">
        <v>998</v>
      </c>
    </row>
    <row r="19" spans="1:11" ht="15" customHeight="1">
      <c r="A19" s="17" t="s">
        <v>35</v>
      </c>
      <c r="B19" s="17"/>
      <c r="C19" s="13">
        <v>1343</v>
      </c>
      <c r="D19" s="19">
        <v>700</v>
      </c>
      <c r="E19" s="19">
        <v>643</v>
      </c>
      <c r="F19" s="19"/>
      <c r="G19" s="18" t="s">
        <v>36</v>
      </c>
      <c r="H19" s="17"/>
      <c r="I19" s="13">
        <v>1849</v>
      </c>
      <c r="J19" s="19">
        <v>900</v>
      </c>
      <c r="K19" s="19">
        <v>949</v>
      </c>
    </row>
    <row r="20" spans="1:11" ht="15" customHeight="1">
      <c r="A20" s="17" t="s">
        <v>37</v>
      </c>
      <c r="B20" s="17"/>
      <c r="C20" s="13">
        <v>1392</v>
      </c>
      <c r="D20" s="19">
        <v>711</v>
      </c>
      <c r="E20" s="19">
        <v>681</v>
      </c>
      <c r="F20" s="19"/>
      <c r="G20" s="18" t="s">
        <v>38</v>
      </c>
      <c r="H20" s="17"/>
      <c r="I20" s="13">
        <v>1890</v>
      </c>
      <c r="J20" s="19">
        <v>938</v>
      </c>
      <c r="K20" s="19">
        <v>952</v>
      </c>
    </row>
    <row r="21" spans="1:11" ht="15" customHeight="1">
      <c r="A21" s="17" t="s">
        <v>39</v>
      </c>
      <c r="B21" s="17"/>
      <c r="C21" s="13">
        <v>1289</v>
      </c>
      <c r="D21" s="19">
        <v>672</v>
      </c>
      <c r="E21" s="19">
        <v>617</v>
      </c>
      <c r="F21" s="19"/>
      <c r="G21" s="18" t="s">
        <v>40</v>
      </c>
      <c r="H21" s="17"/>
      <c r="I21" s="13">
        <v>1802</v>
      </c>
      <c r="J21" s="19">
        <v>887</v>
      </c>
      <c r="K21" s="19">
        <v>915</v>
      </c>
    </row>
    <row r="22" spans="1:11" ht="15" customHeight="1">
      <c r="A22" s="17" t="s">
        <v>41</v>
      </c>
      <c r="B22" s="17"/>
      <c r="C22" s="13">
        <v>1259</v>
      </c>
      <c r="D22" s="19">
        <v>647</v>
      </c>
      <c r="E22" s="19">
        <v>612</v>
      </c>
      <c r="F22" s="19"/>
      <c r="G22" s="18" t="s">
        <v>42</v>
      </c>
      <c r="H22" s="17"/>
      <c r="I22" s="13">
        <v>1785</v>
      </c>
      <c r="J22" s="19">
        <v>876</v>
      </c>
      <c r="K22" s="19">
        <v>909</v>
      </c>
    </row>
    <row r="23" spans="1:11" ht="20.100000000000001" customHeight="1">
      <c r="A23" s="17" t="s">
        <v>43</v>
      </c>
      <c r="B23" s="17"/>
      <c r="C23" s="13">
        <v>6578</v>
      </c>
      <c r="D23" s="14">
        <v>3376</v>
      </c>
      <c r="E23" s="14">
        <v>3202</v>
      </c>
      <c r="F23" s="14"/>
      <c r="G23" s="18" t="s">
        <v>44</v>
      </c>
      <c r="H23" s="17"/>
      <c r="I23" s="13">
        <v>9728</v>
      </c>
      <c r="J23" s="14">
        <v>4734</v>
      </c>
      <c r="K23" s="14">
        <v>4994</v>
      </c>
    </row>
    <row r="24" spans="1:11" ht="15" customHeight="1">
      <c r="A24" s="17" t="s">
        <v>45</v>
      </c>
      <c r="B24" s="17"/>
      <c r="C24" s="13">
        <v>1242</v>
      </c>
      <c r="D24" s="19">
        <v>637</v>
      </c>
      <c r="E24" s="19">
        <v>605</v>
      </c>
      <c r="F24" s="19"/>
      <c r="G24" s="18" t="s">
        <v>46</v>
      </c>
      <c r="H24" s="17"/>
      <c r="I24" s="13">
        <v>1866</v>
      </c>
      <c r="J24" s="19">
        <v>953</v>
      </c>
      <c r="K24" s="19">
        <v>913</v>
      </c>
    </row>
    <row r="25" spans="1:11" ht="15" customHeight="1">
      <c r="A25" s="17" t="s">
        <v>47</v>
      </c>
      <c r="B25" s="17"/>
      <c r="C25" s="13">
        <v>1267</v>
      </c>
      <c r="D25" s="19">
        <v>663</v>
      </c>
      <c r="E25" s="19">
        <v>604</v>
      </c>
      <c r="F25" s="19"/>
      <c r="G25" s="18" t="s">
        <v>48</v>
      </c>
      <c r="H25" s="17"/>
      <c r="I25" s="13">
        <v>1721</v>
      </c>
      <c r="J25" s="19">
        <v>859</v>
      </c>
      <c r="K25" s="19">
        <v>862</v>
      </c>
    </row>
    <row r="26" spans="1:11" ht="15" customHeight="1">
      <c r="A26" s="17" t="s">
        <v>49</v>
      </c>
      <c r="B26" s="17"/>
      <c r="C26" s="13">
        <v>1273</v>
      </c>
      <c r="D26" s="19">
        <v>662</v>
      </c>
      <c r="E26" s="19">
        <v>611</v>
      </c>
      <c r="F26" s="19"/>
      <c r="G26" s="18" t="s">
        <v>50</v>
      </c>
      <c r="H26" s="17"/>
      <c r="I26" s="13">
        <v>1880</v>
      </c>
      <c r="J26" s="19">
        <v>871</v>
      </c>
      <c r="K26" s="19">
        <v>1009</v>
      </c>
    </row>
    <row r="27" spans="1:11" ht="15" customHeight="1">
      <c r="A27" s="17" t="s">
        <v>51</v>
      </c>
      <c r="B27" s="17"/>
      <c r="C27" s="13">
        <v>1360</v>
      </c>
      <c r="D27" s="19">
        <v>681</v>
      </c>
      <c r="E27" s="19">
        <v>679</v>
      </c>
      <c r="F27" s="19"/>
      <c r="G27" s="18" t="s">
        <v>52</v>
      </c>
      <c r="H27" s="17"/>
      <c r="I27" s="13">
        <v>2140</v>
      </c>
      <c r="J27" s="19">
        <v>1047</v>
      </c>
      <c r="K27" s="19">
        <v>1093</v>
      </c>
    </row>
    <row r="28" spans="1:11" ht="15" customHeight="1">
      <c r="A28" s="17" t="s">
        <v>53</v>
      </c>
      <c r="B28" s="17"/>
      <c r="C28" s="13">
        <v>1436</v>
      </c>
      <c r="D28" s="19">
        <v>733</v>
      </c>
      <c r="E28" s="19">
        <v>703</v>
      </c>
      <c r="F28" s="19"/>
      <c r="G28" s="18" t="s">
        <v>54</v>
      </c>
      <c r="H28" s="17"/>
      <c r="I28" s="13">
        <v>2121</v>
      </c>
      <c r="J28" s="19">
        <v>1004</v>
      </c>
      <c r="K28" s="19">
        <v>1117</v>
      </c>
    </row>
    <row r="29" spans="1:11" ht="20.100000000000001" customHeight="1">
      <c r="A29" s="17" t="s">
        <v>55</v>
      </c>
      <c r="B29" s="17"/>
      <c r="C29" s="13">
        <v>7278</v>
      </c>
      <c r="D29" s="14">
        <v>3663</v>
      </c>
      <c r="E29" s="14">
        <v>3615</v>
      </c>
      <c r="F29" s="14"/>
      <c r="G29" s="18" t="s">
        <v>56</v>
      </c>
      <c r="H29" s="17"/>
      <c r="I29" s="13">
        <v>11776</v>
      </c>
      <c r="J29" s="14">
        <v>5556</v>
      </c>
      <c r="K29" s="14">
        <v>6220</v>
      </c>
    </row>
    <row r="30" spans="1:11" ht="15" customHeight="1">
      <c r="A30" s="17" t="s">
        <v>57</v>
      </c>
      <c r="B30" s="17"/>
      <c r="C30" s="13">
        <v>1409</v>
      </c>
      <c r="D30" s="19">
        <v>704</v>
      </c>
      <c r="E30" s="19">
        <v>705</v>
      </c>
      <c r="F30" s="19"/>
      <c r="G30" s="18" t="s">
        <v>58</v>
      </c>
      <c r="H30" s="17"/>
      <c r="I30" s="13">
        <v>2253</v>
      </c>
      <c r="J30" s="19">
        <v>1077</v>
      </c>
      <c r="K30" s="19">
        <v>1176</v>
      </c>
    </row>
    <row r="31" spans="1:11" ht="15" customHeight="1">
      <c r="A31" s="17" t="s">
        <v>59</v>
      </c>
      <c r="B31" s="17"/>
      <c r="C31" s="13">
        <v>1445</v>
      </c>
      <c r="D31" s="19">
        <v>728</v>
      </c>
      <c r="E31" s="19">
        <v>717</v>
      </c>
      <c r="F31" s="19"/>
      <c r="G31" s="18" t="s">
        <v>60</v>
      </c>
      <c r="H31" s="17"/>
      <c r="I31" s="13">
        <v>2591</v>
      </c>
      <c r="J31" s="19">
        <v>1237</v>
      </c>
      <c r="K31" s="19">
        <v>1354</v>
      </c>
    </row>
    <row r="32" spans="1:11" ht="15" customHeight="1">
      <c r="A32" s="17" t="s">
        <v>61</v>
      </c>
      <c r="B32" s="17"/>
      <c r="C32" s="13">
        <v>1406</v>
      </c>
      <c r="D32" s="19">
        <v>701</v>
      </c>
      <c r="E32" s="19">
        <v>705</v>
      </c>
      <c r="F32" s="19"/>
      <c r="G32" s="18" t="s">
        <v>62</v>
      </c>
      <c r="H32" s="17"/>
      <c r="I32" s="13">
        <v>2564</v>
      </c>
      <c r="J32" s="19">
        <v>1189</v>
      </c>
      <c r="K32" s="19">
        <v>1375</v>
      </c>
    </row>
    <row r="33" spans="1:11" ht="15" customHeight="1">
      <c r="A33" s="17" t="s">
        <v>63</v>
      </c>
      <c r="B33" s="17"/>
      <c r="C33" s="13">
        <v>1507</v>
      </c>
      <c r="D33" s="19">
        <v>758</v>
      </c>
      <c r="E33" s="19">
        <v>749</v>
      </c>
      <c r="F33" s="19"/>
      <c r="G33" s="18" t="s">
        <v>64</v>
      </c>
      <c r="H33" s="17"/>
      <c r="I33" s="13">
        <v>2536</v>
      </c>
      <c r="J33" s="19">
        <v>1193</v>
      </c>
      <c r="K33" s="19">
        <v>1343</v>
      </c>
    </row>
    <row r="34" spans="1:11" ht="15" customHeight="1">
      <c r="A34" s="17" t="s">
        <v>65</v>
      </c>
      <c r="B34" s="17"/>
      <c r="C34" s="13">
        <v>1511</v>
      </c>
      <c r="D34" s="19">
        <v>772</v>
      </c>
      <c r="E34" s="19">
        <v>739</v>
      </c>
      <c r="F34" s="19"/>
      <c r="G34" s="18" t="s">
        <v>66</v>
      </c>
      <c r="H34" s="17"/>
      <c r="I34" s="13">
        <v>1832</v>
      </c>
      <c r="J34" s="19">
        <v>860</v>
      </c>
      <c r="K34" s="19">
        <v>972</v>
      </c>
    </row>
    <row r="35" spans="1:11" ht="20.100000000000001" customHeight="1">
      <c r="A35" s="17" t="s">
        <v>67</v>
      </c>
      <c r="B35" s="17"/>
      <c r="C35" s="13">
        <v>7440</v>
      </c>
      <c r="D35" s="14">
        <v>3903</v>
      </c>
      <c r="E35" s="14">
        <v>3537</v>
      </c>
      <c r="F35" s="14"/>
      <c r="G35" s="18" t="s">
        <v>68</v>
      </c>
      <c r="H35" s="17"/>
      <c r="I35" s="13">
        <v>9246</v>
      </c>
      <c r="J35" s="14">
        <v>4030</v>
      </c>
      <c r="K35" s="14">
        <v>5216</v>
      </c>
    </row>
    <row r="36" spans="1:11" ht="15" customHeight="1">
      <c r="A36" s="17" t="s">
        <v>69</v>
      </c>
      <c r="B36" s="17"/>
      <c r="C36" s="13">
        <v>1519</v>
      </c>
      <c r="D36" s="19">
        <v>808</v>
      </c>
      <c r="E36" s="19">
        <v>711</v>
      </c>
      <c r="F36" s="19"/>
      <c r="G36" s="18" t="s">
        <v>70</v>
      </c>
      <c r="H36" s="17"/>
      <c r="I36" s="13">
        <v>1565</v>
      </c>
      <c r="J36" s="19">
        <v>696</v>
      </c>
      <c r="K36" s="19">
        <v>869</v>
      </c>
    </row>
    <row r="37" spans="1:11" ht="15" customHeight="1">
      <c r="A37" s="17" t="s">
        <v>71</v>
      </c>
      <c r="B37" s="17"/>
      <c r="C37" s="13">
        <v>1518</v>
      </c>
      <c r="D37" s="19">
        <v>804</v>
      </c>
      <c r="E37" s="19">
        <v>714</v>
      </c>
      <c r="F37" s="19"/>
      <c r="G37" s="18" t="s">
        <v>72</v>
      </c>
      <c r="H37" s="17"/>
      <c r="I37" s="13">
        <v>1929</v>
      </c>
      <c r="J37" s="19">
        <v>865</v>
      </c>
      <c r="K37" s="19">
        <v>1064</v>
      </c>
    </row>
    <row r="38" spans="1:11" ht="15" customHeight="1">
      <c r="A38" s="17" t="s">
        <v>73</v>
      </c>
      <c r="B38" s="17"/>
      <c r="C38" s="13">
        <v>1407</v>
      </c>
      <c r="D38" s="19">
        <v>730</v>
      </c>
      <c r="E38" s="19">
        <v>677</v>
      </c>
      <c r="F38" s="19"/>
      <c r="G38" s="18" t="s">
        <v>74</v>
      </c>
      <c r="H38" s="17"/>
      <c r="I38" s="13">
        <v>2002</v>
      </c>
      <c r="J38" s="19">
        <v>865</v>
      </c>
      <c r="K38" s="19">
        <v>1137</v>
      </c>
    </row>
    <row r="39" spans="1:11" ht="15" customHeight="1">
      <c r="A39" s="17" t="s">
        <v>75</v>
      </c>
      <c r="B39" s="17"/>
      <c r="C39" s="13">
        <v>1481</v>
      </c>
      <c r="D39" s="19">
        <v>767</v>
      </c>
      <c r="E39" s="19">
        <v>714</v>
      </c>
      <c r="F39" s="19"/>
      <c r="G39" s="18" t="s">
        <v>76</v>
      </c>
      <c r="H39" s="17"/>
      <c r="I39" s="13">
        <v>1872</v>
      </c>
      <c r="J39" s="19">
        <v>809</v>
      </c>
      <c r="K39" s="19">
        <v>1063</v>
      </c>
    </row>
    <row r="40" spans="1:11" ht="15" customHeight="1">
      <c r="A40" s="17" t="s">
        <v>77</v>
      </c>
      <c r="B40" s="17"/>
      <c r="C40" s="13">
        <v>1515</v>
      </c>
      <c r="D40" s="19">
        <v>794</v>
      </c>
      <c r="E40" s="19">
        <v>721</v>
      </c>
      <c r="F40" s="19"/>
      <c r="G40" s="18" t="s">
        <v>78</v>
      </c>
      <c r="H40" s="17"/>
      <c r="I40" s="13">
        <v>1878</v>
      </c>
      <c r="J40" s="19">
        <v>795</v>
      </c>
      <c r="K40" s="19">
        <v>1083</v>
      </c>
    </row>
    <row r="41" spans="1:11" ht="20.100000000000001" customHeight="1">
      <c r="A41" s="17" t="s">
        <v>79</v>
      </c>
      <c r="B41" s="17"/>
      <c r="C41" s="13">
        <v>8111</v>
      </c>
      <c r="D41" s="14">
        <v>4220</v>
      </c>
      <c r="E41" s="14">
        <v>3891</v>
      </c>
      <c r="F41" s="14"/>
      <c r="G41" s="18" t="s">
        <v>80</v>
      </c>
      <c r="H41" s="17"/>
      <c r="I41" s="13">
        <v>7036</v>
      </c>
      <c r="J41" s="14">
        <v>2867</v>
      </c>
      <c r="K41" s="14">
        <v>4169</v>
      </c>
    </row>
    <row r="42" spans="1:11" ht="15" customHeight="1">
      <c r="A42" s="17" t="s">
        <v>81</v>
      </c>
      <c r="B42" s="17"/>
      <c r="C42" s="13">
        <v>1533</v>
      </c>
      <c r="D42" s="19">
        <v>810</v>
      </c>
      <c r="E42" s="19">
        <v>723</v>
      </c>
      <c r="F42" s="19"/>
      <c r="G42" s="18" t="s">
        <v>82</v>
      </c>
      <c r="H42" s="17"/>
      <c r="I42" s="13">
        <v>1640</v>
      </c>
      <c r="J42" s="19">
        <v>689</v>
      </c>
      <c r="K42" s="19">
        <v>951</v>
      </c>
    </row>
    <row r="43" spans="1:11" ht="15" customHeight="1">
      <c r="A43" s="17" t="s">
        <v>83</v>
      </c>
      <c r="B43" s="17"/>
      <c r="C43" s="13">
        <v>1483</v>
      </c>
      <c r="D43" s="19">
        <v>762</v>
      </c>
      <c r="E43" s="19">
        <v>721</v>
      </c>
      <c r="F43" s="19"/>
      <c r="G43" s="18" t="s">
        <v>84</v>
      </c>
      <c r="H43" s="17"/>
      <c r="I43" s="13">
        <v>1506</v>
      </c>
      <c r="J43" s="19">
        <v>622</v>
      </c>
      <c r="K43" s="19">
        <v>884</v>
      </c>
    </row>
    <row r="44" spans="1:11" ht="15" customHeight="1">
      <c r="A44" s="17" t="s">
        <v>85</v>
      </c>
      <c r="B44" s="17"/>
      <c r="C44" s="13">
        <v>1679</v>
      </c>
      <c r="D44" s="19">
        <v>856</v>
      </c>
      <c r="E44" s="19">
        <v>823</v>
      </c>
      <c r="F44" s="19"/>
      <c r="G44" s="18" t="s">
        <v>86</v>
      </c>
      <c r="H44" s="17"/>
      <c r="I44" s="13">
        <v>1225</v>
      </c>
      <c r="J44" s="19">
        <v>517</v>
      </c>
      <c r="K44" s="19">
        <v>708</v>
      </c>
    </row>
    <row r="45" spans="1:11" ht="15" customHeight="1">
      <c r="A45" s="17" t="s">
        <v>87</v>
      </c>
      <c r="B45" s="17"/>
      <c r="C45" s="13">
        <v>1679</v>
      </c>
      <c r="D45" s="19">
        <v>867</v>
      </c>
      <c r="E45" s="19">
        <v>812</v>
      </c>
      <c r="F45" s="19"/>
      <c r="G45" s="18" t="s">
        <v>88</v>
      </c>
      <c r="H45" s="17"/>
      <c r="I45" s="13">
        <v>1381</v>
      </c>
      <c r="J45" s="19">
        <v>553</v>
      </c>
      <c r="K45" s="19">
        <v>828</v>
      </c>
    </row>
    <row r="46" spans="1:11" ht="15" customHeight="1">
      <c r="A46" s="17" t="s">
        <v>89</v>
      </c>
      <c r="B46" s="17"/>
      <c r="C46" s="13">
        <v>1737</v>
      </c>
      <c r="D46" s="19">
        <v>925</v>
      </c>
      <c r="E46" s="19">
        <v>812</v>
      </c>
      <c r="F46" s="19"/>
      <c r="G46" s="18" t="s">
        <v>90</v>
      </c>
      <c r="H46" s="17"/>
      <c r="I46" s="13">
        <v>1284</v>
      </c>
      <c r="J46" s="19">
        <v>486</v>
      </c>
      <c r="K46" s="19">
        <v>798</v>
      </c>
    </row>
    <row r="47" spans="1:11" ht="20.100000000000001" customHeight="1">
      <c r="A47" s="17" t="s">
        <v>91</v>
      </c>
      <c r="B47" s="17"/>
      <c r="C47" s="13">
        <v>9720</v>
      </c>
      <c r="D47" s="14">
        <v>4883</v>
      </c>
      <c r="E47" s="14">
        <v>4837</v>
      </c>
      <c r="F47" s="14"/>
      <c r="G47" s="18" t="s">
        <v>92</v>
      </c>
      <c r="H47" s="17"/>
      <c r="I47" s="13">
        <v>4803</v>
      </c>
      <c r="J47" s="14">
        <v>1774</v>
      </c>
      <c r="K47" s="14">
        <v>3029</v>
      </c>
    </row>
    <row r="48" spans="1:11" ht="15" customHeight="1">
      <c r="A48" s="17" t="s">
        <v>93</v>
      </c>
      <c r="B48" s="17"/>
      <c r="C48" s="13">
        <v>1804</v>
      </c>
      <c r="D48" s="19">
        <v>907</v>
      </c>
      <c r="E48" s="19">
        <v>897</v>
      </c>
      <c r="F48" s="19"/>
      <c r="G48" s="18" t="s">
        <v>94</v>
      </c>
      <c r="H48" s="17"/>
      <c r="I48" s="13">
        <v>1241</v>
      </c>
      <c r="J48" s="19">
        <v>476</v>
      </c>
      <c r="K48" s="19">
        <v>765</v>
      </c>
    </row>
    <row r="49" spans="1:11" ht="15" customHeight="1">
      <c r="A49" s="17" t="s">
        <v>95</v>
      </c>
      <c r="B49" s="17"/>
      <c r="C49" s="13">
        <v>1929</v>
      </c>
      <c r="D49" s="19">
        <v>957</v>
      </c>
      <c r="E49" s="19">
        <v>972</v>
      </c>
      <c r="F49" s="19"/>
      <c r="G49" s="18" t="s">
        <v>96</v>
      </c>
      <c r="H49" s="17"/>
      <c r="I49" s="13">
        <v>1037</v>
      </c>
      <c r="J49" s="19">
        <v>404</v>
      </c>
      <c r="K49" s="19">
        <v>633</v>
      </c>
    </row>
    <row r="50" spans="1:11" ht="15" customHeight="1">
      <c r="A50" s="17" t="s">
        <v>97</v>
      </c>
      <c r="B50" s="17"/>
      <c r="C50" s="13">
        <v>1981</v>
      </c>
      <c r="D50" s="19">
        <v>1007</v>
      </c>
      <c r="E50" s="19">
        <v>974</v>
      </c>
      <c r="F50" s="19"/>
      <c r="G50" s="18" t="s">
        <v>98</v>
      </c>
      <c r="H50" s="17"/>
      <c r="I50" s="13">
        <v>933</v>
      </c>
      <c r="J50" s="19">
        <v>339</v>
      </c>
      <c r="K50" s="19">
        <v>594</v>
      </c>
    </row>
    <row r="51" spans="1:11" ht="15" customHeight="1">
      <c r="A51" s="17" t="s">
        <v>99</v>
      </c>
      <c r="B51" s="17"/>
      <c r="C51" s="13">
        <v>2035</v>
      </c>
      <c r="D51" s="19">
        <v>1046</v>
      </c>
      <c r="E51" s="19">
        <v>989</v>
      </c>
      <c r="F51" s="19"/>
      <c r="G51" s="18" t="s">
        <v>100</v>
      </c>
      <c r="H51" s="17"/>
      <c r="I51" s="13">
        <v>845</v>
      </c>
      <c r="J51" s="19">
        <v>322</v>
      </c>
      <c r="K51" s="19">
        <v>523</v>
      </c>
    </row>
    <row r="52" spans="1:11" ht="15" customHeight="1">
      <c r="A52" s="17" t="s">
        <v>101</v>
      </c>
      <c r="B52" s="17"/>
      <c r="C52" s="13">
        <v>1971</v>
      </c>
      <c r="D52" s="19">
        <v>966</v>
      </c>
      <c r="E52" s="19">
        <v>1005</v>
      </c>
      <c r="F52" s="19"/>
      <c r="G52" s="18" t="s">
        <v>102</v>
      </c>
      <c r="H52" s="17"/>
      <c r="I52" s="13">
        <v>747</v>
      </c>
      <c r="J52" s="19">
        <v>233</v>
      </c>
      <c r="K52" s="19">
        <v>514</v>
      </c>
    </row>
    <row r="53" spans="1:11" ht="20.100000000000001" customHeight="1">
      <c r="A53" s="17" t="s">
        <v>103</v>
      </c>
      <c r="B53" s="17"/>
      <c r="C53" s="13">
        <v>10831</v>
      </c>
      <c r="D53" s="14">
        <v>5466</v>
      </c>
      <c r="E53" s="14">
        <v>5365</v>
      </c>
      <c r="F53" s="14"/>
      <c r="G53" s="18" t="s">
        <v>104</v>
      </c>
      <c r="H53" s="17"/>
      <c r="I53" s="13">
        <v>2001</v>
      </c>
      <c r="J53" s="14">
        <v>601</v>
      </c>
      <c r="K53" s="14">
        <v>1400</v>
      </c>
    </row>
    <row r="54" spans="1:11" ht="15" customHeight="1">
      <c r="A54" s="17" t="s">
        <v>105</v>
      </c>
      <c r="B54" s="17"/>
      <c r="C54" s="13">
        <v>2076</v>
      </c>
      <c r="D54" s="19">
        <v>1064</v>
      </c>
      <c r="E54" s="19">
        <v>1012</v>
      </c>
      <c r="F54" s="19"/>
      <c r="G54" s="18" t="s">
        <v>106</v>
      </c>
      <c r="H54" s="17"/>
      <c r="I54" s="13">
        <v>544</v>
      </c>
      <c r="J54" s="19">
        <v>170</v>
      </c>
      <c r="K54" s="19">
        <v>374</v>
      </c>
    </row>
    <row r="55" spans="1:11" ht="15" customHeight="1">
      <c r="A55" s="17" t="s">
        <v>107</v>
      </c>
      <c r="B55" s="17"/>
      <c r="C55" s="13">
        <v>2018</v>
      </c>
      <c r="D55" s="19">
        <v>1021</v>
      </c>
      <c r="E55" s="19">
        <v>997</v>
      </c>
      <c r="F55" s="19"/>
      <c r="G55" s="18" t="s">
        <v>108</v>
      </c>
      <c r="H55" s="17"/>
      <c r="I55" s="13">
        <v>518</v>
      </c>
      <c r="J55" s="19">
        <v>157</v>
      </c>
      <c r="K55" s="19">
        <v>361</v>
      </c>
    </row>
    <row r="56" spans="1:11" ht="15" customHeight="1">
      <c r="A56" s="17" t="s">
        <v>109</v>
      </c>
      <c r="B56" s="17"/>
      <c r="C56" s="13">
        <v>2124</v>
      </c>
      <c r="D56" s="19">
        <v>1051</v>
      </c>
      <c r="E56" s="19">
        <v>1073</v>
      </c>
      <c r="F56" s="19"/>
      <c r="G56" s="18" t="s">
        <v>110</v>
      </c>
      <c r="H56" s="17"/>
      <c r="I56" s="13">
        <v>415</v>
      </c>
      <c r="J56" s="19">
        <v>126</v>
      </c>
      <c r="K56" s="19">
        <v>289</v>
      </c>
    </row>
    <row r="57" spans="1:11" ht="15" customHeight="1">
      <c r="A57" s="17" t="s">
        <v>111</v>
      </c>
      <c r="B57" s="17"/>
      <c r="C57" s="13">
        <v>2270</v>
      </c>
      <c r="D57" s="19">
        <v>1155</v>
      </c>
      <c r="E57" s="19">
        <v>1115</v>
      </c>
      <c r="F57" s="19"/>
      <c r="G57" s="18" t="s">
        <v>112</v>
      </c>
      <c r="H57" s="17"/>
      <c r="I57" s="13">
        <v>310</v>
      </c>
      <c r="J57" s="19">
        <v>82</v>
      </c>
      <c r="K57" s="19">
        <v>228</v>
      </c>
    </row>
    <row r="58" spans="1:11" ht="15" customHeight="1">
      <c r="A58" s="17" t="s">
        <v>113</v>
      </c>
      <c r="B58" s="17"/>
      <c r="C58" s="13">
        <v>2343</v>
      </c>
      <c r="D58" s="19">
        <v>1175</v>
      </c>
      <c r="E58" s="19">
        <v>1168</v>
      </c>
      <c r="F58" s="19"/>
      <c r="G58" s="18" t="s">
        <v>114</v>
      </c>
      <c r="H58" s="17"/>
      <c r="I58" s="13">
        <v>214</v>
      </c>
      <c r="J58" s="19">
        <v>66</v>
      </c>
      <c r="K58" s="19">
        <v>148</v>
      </c>
    </row>
    <row r="59" spans="1:11" ht="20.100000000000001" customHeight="1">
      <c r="A59" s="17" t="s">
        <v>115</v>
      </c>
      <c r="B59" s="17"/>
      <c r="C59" s="13">
        <v>13258</v>
      </c>
      <c r="D59" s="14">
        <v>6749</v>
      </c>
      <c r="E59" s="14">
        <v>6509</v>
      </c>
      <c r="F59" s="14"/>
      <c r="G59" s="18" t="s">
        <v>116</v>
      </c>
      <c r="H59" s="17"/>
      <c r="I59" s="13">
        <v>483</v>
      </c>
      <c r="J59" s="14">
        <v>112</v>
      </c>
      <c r="K59" s="14">
        <v>371</v>
      </c>
    </row>
    <row r="60" spans="1:11" ht="15" customHeight="1">
      <c r="A60" s="17" t="s">
        <v>117</v>
      </c>
      <c r="B60" s="17"/>
      <c r="C60" s="13">
        <v>2451</v>
      </c>
      <c r="D60" s="19">
        <v>1243</v>
      </c>
      <c r="E60" s="19">
        <v>1208</v>
      </c>
      <c r="F60" s="19"/>
      <c r="G60" s="18" t="s">
        <v>118</v>
      </c>
      <c r="H60" s="17"/>
      <c r="I60" s="13">
        <v>183</v>
      </c>
      <c r="J60" s="19">
        <v>37</v>
      </c>
      <c r="K60" s="19">
        <v>146</v>
      </c>
    </row>
    <row r="61" spans="1:11" ht="15" customHeight="1">
      <c r="A61" s="17" t="s">
        <v>119</v>
      </c>
      <c r="B61" s="17"/>
      <c r="C61" s="13">
        <v>2579</v>
      </c>
      <c r="D61" s="19">
        <v>1330</v>
      </c>
      <c r="E61" s="19">
        <v>1249</v>
      </c>
      <c r="F61" s="19"/>
      <c r="G61" s="18" t="s">
        <v>120</v>
      </c>
      <c r="H61" s="17"/>
      <c r="I61" s="13">
        <v>105</v>
      </c>
      <c r="J61" s="19">
        <v>30</v>
      </c>
      <c r="K61" s="19">
        <v>75</v>
      </c>
    </row>
    <row r="62" spans="1:11" ht="15" customHeight="1">
      <c r="A62" s="17" t="s">
        <v>121</v>
      </c>
      <c r="B62" s="17"/>
      <c r="C62" s="13">
        <v>2733</v>
      </c>
      <c r="D62" s="19">
        <v>1394</v>
      </c>
      <c r="E62" s="19">
        <v>1339</v>
      </c>
      <c r="F62" s="19"/>
      <c r="G62" s="18" t="s">
        <v>122</v>
      </c>
      <c r="H62" s="17"/>
      <c r="I62" s="13">
        <v>84</v>
      </c>
      <c r="J62" s="19">
        <v>20</v>
      </c>
      <c r="K62" s="19">
        <v>64</v>
      </c>
    </row>
    <row r="63" spans="1:11" ht="15" customHeight="1">
      <c r="A63" s="17" t="s">
        <v>123</v>
      </c>
      <c r="B63" s="17"/>
      <c r="C63" s="13">
        <v>2798</v>
      </c>
      <c r="D63" s="19">
        <v>1403</v>
      </c>
      <c r="E63" s="19">
        <v>1395</v>
      </c>
      <c r="F63" s="19"/>
      <c r="G63" s="18" t="s">
        <v>124</v>
      </c>
      <c r="H63" s="17"/>
      <c r="I63" s="13">
        <v>67</v>
      </c>
      <c r="J63" s="19">
        <v>17</v>
      </c>
      <c r="K63" s="19">
        <v>50</v>
      </c>
    </row>
    <row r="64" spans="1:11" ht="15" customHeight="1">
      <c r="A64" s="17" t="s">
        <v>125</v>
      </c>
      <c r="B64" s="17"/>
      <c r="C64" s="13">
        <v>2697</v>
      </c>
      <c r="D64" s="19">
        <v>1379</v>
      </c>
      <c r="E64" s="19">
        <v>1318</v>
      </c>
      <c r="F64" s="19"/>
      <c r="G64" s="18" t="s">
        <v>126</v>
      </c>
      <c r="H64" s="17"/>
      <c r="I64" s="13">
        <v>44</v>
      </c>
      <c r="J64" s="19">
        <v>8</v>
      </c>
      <c r="K64" s="19">
        <v>3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4</v>
      </c>
      <c r="J65" s="19">
        <v>8</v>
      </c>
      <c r="K65" s="19">
        <v>4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7167</v>
      </c>
      <c r="J66" s="29">
        <v>4155</v>
      </c>
      <c r="K66" s="29">
        <v>301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0866141732283472" right="0.70866141732283472" top="0.74803149606299213" bottom="0.74803149606299213" header="0.31496062992125984" footer="0.31496062992125984"/>
  <pageSetup paperSize="9" scale="73" firstPageNumber="25" pageOrder="overThenDown" orientation="portrait" blackAndWhite="1" useFirstPageNumber="1" horizontalDpi="300" verticalDpi="300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6</vt:i4>
      </vt:variant>
      <vt:variant>
        <vt:lpstr>名前付き一覧</vt:lpstr>
      </vt:variant>
      <vt:variant>
        <vt:i4>66</vt:i4>
      </vt:variant>
    </vt:vector>
  </HeadingPairs>
  <TitlesOfParts>
    <vt:vector size="132" baseType="lpstr">
      <vt:lpstr>神奈川県</vt:lpstr>
      <vt:lpstr>横浜市</vt:lpstr>
      <vt:lpstr>鶴見区</vt:lpstr>
      <vt:lpstr>神奈川区</vt:lpstr>
      <vt:lpstr>西区</vt:lpstr>
      <vt:lpstr>中区</vt:lpstr>
      <vt:lpstr>南区</vt:lpstr>
      <vt:lpstr>保土ケ谷区</vt:lpstr>
      <vt:lpstr>磯子区</vt:lpstr>
      <vt:lpstr>金沢区</vt:lpstr>
      <vt:lpstr>港北区</vt:lpstr>
      <vt:lpstr>戸塚区</vt:lpstr>
      <vt:lpstr>港南区</vt:lpstr>
      <vt:lpstr>旭区</vt:lpstr>
      <vt:lpstr>緑区</vt:lpstr>
      <vt:lpstr>瀬谷区</vt:lpstr>
      <vt:lpstr>栄区</vt:lpstr>
      <vt:lpstr>泉区</vt:lpstr>
      <vt:lpstr>青葉区</vt:lpstr>
      <vt:lpstr>都筑区</vt:lpstr>
      <vt:lpstr>川崎市</vt:lpstr>
      <vt:lpstr>川崎区</vt:lpstr>
      <vt:lpstr>幸区</vt:lpstr>
      <vt:lpstr>中原区</vt:lpstr>
      <vt:lpstr>高津区</vt:lpstr>
      <vt:lpstr>多摩区</vt:lpstr>
      <vt:lpstr>宮前区</vt:lpstr>
      <vt:lpstr>麻生区</vt:lpstr>
      <vt:lpstr>横須賀三浦</vt:lpstr>
      <vt:lpstr>横須賀市</vt:lpstr>
      <vt:lpstr>鎌倉市</vt:lpstr>
      <vt:lpstr>逗子市</vt:lpstr>
      <vt:lpstr>三浦市</vt:lpstr>
      <vt:lpstr>葉山町</vt:lpstr>
      <vt:lpstr>県央</vt:lpstr>
      <vt:lpstr>相模原市</vt:lpstr>
      <vt:lpstr>緑区(相)</vt:lpstr>
      <vt:lpstr>中央区</vt:lpstr>
      <vt:lpstr>南区(相)</vt:lpstr>
      <vt:lpstr>厚木市</vt:lpstr>
      <vt:lpstr>大和市</vt:lpstr>
      <vt:lpstr>海老名市</vt:lpstr>
      <vt:lpstr>座間市</vt:lpstr>
      <vt:lpstr>綾瀬市</vt:lpstr>
      <vt:lpstr>愛川町</vt:lpstr>
      <vt:lpstr>清川村</vt:lpstr>
      <vt:lpstr>湘南</vt:lpstr>
      <vt:lpstr>平塚市</vt:lpstr>
      <vt:lpstr>藤沢市</vt:lpstr>
      <vt:lpstr>茅ヶ崎市</vt:lpstr>
      <vt:lpstr>秦野市</vt:lpstr>
      <vt:lpstr>伊勢原市</vt:lpstr>
      <vt:lpstr>寒川町</vt:lpstr>
      <vt:lpstr>大磯町</vt:lpstr>
      <vt:lpstr>二宮町</vt:lpstr>
      <vt:lpstr>県西</vt:lpstr>
      <vt:lpstr>小田原市</vt:lpstr>
      <vt:lpstr>南足柄市</vt:lpstr>
      <vt:lpstr>中井町</vt:lpstr>
      <vt:lpstr>大井町</vt:lpstr>
      <vt:lpstr>松田町</vt:lpstr>
      <vt:lpstr>山北町</vt:lpstr>
      <vt:lpstr>開成町</vt:lpstr>
      <vt:lpstr>箱根町</vt:lpstr>
      <vt:lpstr>真鶴町</vt:lpstr>
      <vt:lpstr>湯河原町</vt:lpstr>
      <vt:lpstr>愛川町!Print_Area</vt:lpstr>
      <vt:lpstr>旭区!Print_Area</vt:lpstr>
      <vt:lpstr>綾瀬市!Print_Area</vt:lpstr>
      <vt:lpstr>伊勢原市!Print_Area</vt:lpstr>
      <vt:lpstr>磯子区!Print_Area</vt:lpstr>
      <vt:lpstr>栄区!Print_Area</vt:lpstr>
      <vt:lpstr>横須賀三浦!Print_Area</vt:lpstr>
      <vt:lpstr>横須賀市!Print_Area</vt:lpstr>
      <vt:lpstr>横浜市!Print_Area</vt:lpstr>
      <vt:lpstr>海老名市!Print_Area</vt:lpstr>
      <vt:lpstr>開成町!Print_Area</vt:lpstr>
      <vt:lpstr>鎌倉市!Print_Area</vt:lpstr>
      <vt:lpstr>茅ヶ崎市!Print_Area</vt:lpstr>
      <vt:lpstr>寒川町!Print_Area</vt:lpstr>
      <vt:lpstr>宮前区!Print_Area</vt:lpstr>
      <vt:lpstr>金沢区!Print_Area</vt:lpstr>
      <vt:lpstr>県央!Print_Area</vt:lpstr>
      <vt:lpstr>県西!Print_Area</vt:lpstr>
      <vt:lpstr>戸塚区!Print_Area</vt:lpstr>
      <vt:lpstr>厚木市!Print_Area</vt:lpstr>
      <vt:lpstr>幸区!Print_Area</vt:lpstr>
      <vt:lpstr>港南区!Print_Area</vt:lpstr>
      <vt:lpstr>港北区!Print_Area</vt:lpstr>
      <vt:lpstr>高津区!Print_Area</vt:lpstr>
      <vt:lpstr>座間市!Print_Area</vt:lpstr>
      <vt:lpstr>三浦市!Print_Area</vt:lpstr>
      <vt:lpstr>山北町!Print_Area</vt:lpstr>
      <vt:lpstr>小田原市!Print_Area</vt:lpstr>
      <vt:lpstr>松田町!Print_Area</vt:lpstr>
      <vt:lpstr>湘南!Print_Area</vt:lpstr>
      <vt:lpstr>真鶴町!Print_Area</vt:lpstr>
      <vt:lpstr>神奈川区!Print_Area</vt:lpstr>
      <vt:lpstr>神奈川県!Print_Area</vt:lpstr>
      <vt:lpstr>秦野市!Print_Area</vt:lpstr>
      <vt:lpstr>逗子市!Print_Area</vt:lpstr>
      <vt:lpstr>瀬谷区!Print_Area</vt:lpstr>
      <vt:lpstr>清川村!Print_Area</vt:lpstr>
      <vt:lpstr>西区!Print_Area</vt:lpstr>
      <vt:lpstr>青葉区!Print_Area</vt:lpstr>
      <vt:lpstr>川崎区!Print_Area</vt:lpstr>
      <vt:lpstr>川崎市!Print_Area</vt:lpstr>
      <vt:lpstr>泉区!Print_Area</vt:lpstr>
      <vt:lpstr>相模原市!Print_Area</vt:lpstr>
      <vt:lpstr>多摩区!Print_Area</vt:lpstr>
      <vt:lpstr>大井町!Print_Area</vt:lpstr>
      <vt:lpstr>大磯町!Print_Area</vt:lpstr>
      <vt:lpstr>大和市!Print_Area</vt:lpstr>
      <vt:lpstr>中井町!Print_Area</vt:lpstr>
      <vt:lpstr>中央区!Print_Area</vt:lpstr>
      <vt:lpstr>中区!Print_Area</vt:lpstr>
      <vt:lpstr>中原区!Print_Area</vt:lpstr>
      <vt:lpstr>鶴見区!Print_Area</vt:lpstr>
      <vt:lpstr>都筑区!Print_Area</vt:lpstr>
      <vt:lpstr>湯河原町!Print_Area</vt:lpstr>
      <vt:lpstr>藤沢市!Print_Area</vt:lpstr>
      <vt:lpstr>南区!Print_Area</vt:lpstr>
      <vt:lpstr>'南区(相)'!Print_Area</vt:lpstr>
      <vt:lpstr>南足柄市!Print_Area</vt:lpstr>
      <vt:lpstr>二宮町!Print_Area</vt:lpstr>
      <vt:lpstr>箱根町!Print_Area</vt:lpstr>
      <vt:lpstr>平塚市!Print_Area</vt:lpstr>
      <vt:lpstr>保土ケ谷区!Print_Area</vt:lpstr>
      <vt:lpstr>麻生区!Print_Area</vt:lpstr>
      <vt:lpstr>葉山町!Print_Area</vt:lpstr>
      <vt:lpstr>緑区!Print_Area</vt:lpstr>
      <vt:lpstr>'緑区(相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4-18T05:50:37Z</dcterms:created>
  <dcterms:modified xsi:type="dcterms:W3CDTF">2023-06-07T07:56:31Z</dcterms:modified>
</cp:coreProperties>
</file>